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025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A879F565-74A6-4E6C-A38B-5A0B854E5D68}" xr6:coauthVersionLast="47" xr6:coauthVersionMax="47" xr10:uidLastSave="{00000000-0000-0000-0000-000000000000}"/>
  <bookViews>
    <workbookView xWindow="-120" yWindow="-120" windowWidth="29040" windowHeight="15720" tabRatio="858" activeTab="1" xr2:uid="{00000000-000D-0000-FFFF-FFFF00000000}"/>
  </bookViews>
  <sheets>
    <sheet name="2023 Rookie Free-Agent Draft" sheetId="1" r:id="rId1"/>
    <sheet name="2023 Supplemental Draft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39" i="1" l="1"/>
  <c r="M39" i="1"/>
  <c r="I39" i="1"/>
  <c r="E39" i="1"/>
  <c r="A39" i="1"/>
  <c r="Q7" i="1"/>
  <c r="M7" i="1"/>
  <c r="I7" i="1"/>
  <c r="E7" i="1"/>
</calcChain>
</file>

<file path=xl/sharedStrings.xml><?xml version="1.0" encoding="utf-8"?>
<sst xmlns="http://schemas.openxmlformats.org/spreadsheetml/2006/main" count="1545" uniqueCount="497">
  <si>
    <t xml:space="preserve">  Round 1</t>
  </si>
  <si>
    <t xml:space="preserve">  Round 2</t>
  </si>
  <si>
    <t xml:space="preserve">  Round 3</t>
  </si>
  <si>
    <t xml:space="preserve">  Round 7</t>
  </si>
  <si>
    <t>ATL</t>
  </si>
  <si>
    <t>GB</t>
  </si>
  <si>
    <t>SEA</t>
  </si>
  <si>
    <t>TEN</t>
  </si>
  <si>
    <t>PHI</t>
  </si>
  <si>
    <t>DAL</t>
  </si>
  <si>
    <t>NYG</t>
  </si>
  <si>
    <t>PIT</t>
  </si>
  <si>
    <t>Pick</t>
  </si>
  <si>
    <t>Owner</t>
  </si>
  <si>
    <t>TB</t>
  </si>
  <si>
    <t>BUF</t>
  </si>
  <si>
    <t xml:space="preserve">  Round 6</t>
  </si>
  <si>
    <t>DEN</t>
  </si>
  <si>
    <t>CIN</t>
  </si>
  <si>
    <t>DET</t>
  </si>
  <si>
    <t>KC</t>
  </si>
  <si>
    <t>IND</t>
  </si>
  <si>
    <t>BAL</t>
  </si>
  <si>
    <t>NE</t>
  </si>
  <si>
    <t>JAX</t>
  </si>
  <si>
    <t>LAR</t>
  </si>
  <si>
    <t>LAC</t>
  </si>
  <si>
    <t>Round 4</t>
  </si>
  <si>
    <t>Round 5</t>
  </si>
  <si>
    <t>Round 8</t>
  </si>
  <si>
    <t>Round 9</t>
  </si>
  <si>
    <t>Round 10</t>
  </si>
  <si>
    <t xml:space="preserve">  Round 4</t>
  </si>
  <si>
    <t>Drop</t>
  </si>
  <si>
    <t xml:space="preserve">  Round 5</t>
  </si>
  <si>
    <t>Round 7</t>
  </si>
  <si>
    <t>HOU</t>
  </si>
  <si>
    <t>Team</t>
  </si>
  <si>
    <t>Record</t>
  </si>
  <si>
    <t>ARI</t>
  </si>
  <si>
    <t>Generic Even Round:</t>
  </si>
  <si>
    <t>NYJ</t>
  </si>
  <si>
    <t>NO</t>
  </si>
  <si>
    <t>SF</t>
  </si>
  <si>
    <t>Alpha Order to Track</t>
  </si>
  <si>
    <t>WAS</t>
  </si>
  <si>
    <t>2023 SEASON S28 ROOKIE/FREE-AGENT DRAFT</t>
  </si>
  <si>
    <t>Draft Order</t>
  </si>
  <si>
    <t>EVEN RND</t>
  </si>
  <si>
    <t>ODD RND</t>
  </si>
  <si>
    <t>LAV</t>
  </si>
  <si>
    <t>CAR</t>
  </si>
  <si>
    <t>CHI</t>
  </si>
  <si>
    <t>MIA</t>
  </si>
  <si>
    <t>1. 12:00pm ET -</t>
  </si>
  <si>
    <t>2. 12:10pm ET -</t>
  </si>
  <si>
    <t>3. 12:20pm ET -</t>
  </si>
  <si>
    <t>4. 12:30pm ET -</t>
  </si>
  <si>
    <t>5. 12:40pm ET -</t>
  </si>
  <si>
    <t>6. 12:50pm ET -</t>
  </si>
  <si>
    <t>7. 1:00pm ET -</t>
  </si>
  <si>
    <t>8. 1:10pm ET -</t>
  </si>
  <si>
    <t>9. 1:20pm ET -</t>
  </si>
  <si>
    <t>10.1:30pm ET -</t>
  </si>
  <si>
    <t>11.1:40pm ET -</t>
  </si>
  <si>
    <t>12.1:50pm ET -</t>
  </si>
  <si>
    <t>13.2:00pm ET -</t>
  </si>
  <si>
    <t>14.2:10pm ET -</t>
  </si>
  <si>
    <t>15.2:20pm ET -</t>
  </si>
  <si>
    <t>16.2:30pm ET -</t>
  </si>
  <si>
    <t>17.2:40pm ET  -</t>
  </si>
  <si>
    <t>18.2:50pm ET -</t>
  </si>
  <si>
    <t>19. 3:00pm ET -</t>
  </si>
  <si>
    <t>20. 3:10pm ET -</t>
  </si>
  <si>
    <t>21. 3:20pm ET -</t>
  </si>
  <si>
    <t>22. 3:30pm ET -</t>
  </si>
  <si>
    <t>23. 3:40pm ET -</t>
  </si>
  <si>
    <t>24. 3:50pm ET -</t>
  </si>
  <si>
    <t>25. 4:00pm ET -</t>
  </si>
  <si>
    <t>26 4:10pm ET -</t>
  </si>
  <si>
    <t>27. 4:20pm ET -</t>
  </si>
  <si>
    <t xml:space="preserve">28. 4:30pm ET - </t>
  </si>
  <si>
    <t>1.4:40pm ET -</t>
  </si>
  <si>
    <t>2.4:50pm ET -</t>
  </si>
  <si>
    <t>3.5:00pm ET -</t>
  </si>
  <si>
    <t>4.5:10pm ET -</t>
  </si>
  <si>
    <t>5.5:20pm ET -</t>
  </si>
  <si>
    <t>6.5:30pm ET -</t>
  </si>
  <si>
    <t>7.5:40pm ET -</t>
  </si>
  <si>
    <t>8.5:50pm ET  -</t>
  </si>
  <si>
    <t>9.6:00pm ET -</t>
  </si>
  <si>
    <t>10.6:10pm ET -</t>
  </si>
  <si>
    <t>11.6:20pm ET -</t>
  </si>
  <si>
    <t>12. 6:30pm ET -</t>
  </si>
  <si>
    <t>13. 6:40pm ET -</t>
  </si>
  <si>
    <t>14. 6:50pm ET -</t>
  </si>
  <si>
    <t>15. 7:00pm ET -</t>
  </si>
  <si>
    <t>16. 7:10pm ET -</t>
  </si>
  <si>
    <t>17. 7:20pm ET -</t>
  </si>
  <si>
    <t>18. 7:30pm ET -</t>
  </si>
  <si>
    <t>19. 7:40pm ET -</t>
  </si>
  <si>
    <t>21. 8:00pm ET -</t>
  </si>
  <si>
    <t>20. 7:50pm ET -</t>
  </si>
  <si>
    <t>22. 8:10pm ET -</t>
  </si>
  <si>
    <t>23. 8:20pm ET -</t>
  </si>
  <si>
    <t>24. 8:30pm ET -</t>
  </si>
  <si>
    <t>25. 8:40pm ET -</t>
  </si>
  <si>
    <t>26. 8:50pm ET -</t>
  </si>
  <si>
    <t>27. 9:00pm ET -</t>
  </si>
  <si>
    <t xml:space="preserve">28. 9:10pm ET - </t>
  </si>
  <si>
    <t>AZ</t>
  </si>
  <si>
    <t>SEA/GB</t>
  </si>
  <si>
    <t>1. 6:00pm ET -</t>
  </si>
  <si>
    <t>2. 6:10pm ET -</t>
  </si>
  <si>
    <t>3. 6:20pm ET -</t>
  </si>
  <si>
    <t>4. 6:30pm ET -</t>
  </si>
  <si>
    <t>5. 6:40pm ET -</t>
  </si>
  <si>
    <t>6. 6:50pm ET -</t>
  </si>
  <si>
    <t>7. 7:00pm ET -</t>
  </si>
  <si>
    <t>8. 7:10pm ET -</t>
  </si>
  <si>
    <t>9. 7:20pm ET -</t>
  </si>
  <si>
    <t>17. 8:40pm ET -</t>
  </si>
  <si>
    <t>10. 7:30pm ET -</t>
  </si>
  <si>
    <t>11. 7:40pm ET -</t>
  </si>
  <si>
    <t>12. 7:50pm ET -</t>
  </si>
  <si>
    <t>13. 8:00pm ET -</t>
  </si>
  <si>
    <t>14. 8:10pm ET -</t>
  </si>
  <si>
    <t>15. 8:20pm ET -</t>
  </si>
  <si>
    <t>16. 8:30pm ET -</t>
  </si>
  <si>
    <t>18. 8:50pm ET  -</t>
  </si>
  <si>
    <t>19. 9:00pm ET -</t>
  </si>
  <si>
    <t>20. 9:10pm ET -</t>
  </si>
  <si>
    <t>21. 9:20pm ET -</t>
  </si>
  <si>
    <t>22. 9:30pm ET -</t>
  </si>
  <si>
    <t>23. 9:40pm ET -</t>
  </si>
  <si>
    <t>24. 9:50pm ET -</t>
  </si>
  <si>
    <t>25. 10:00pm ET -</t>
  </si>
  <si>
    <t>26. 10:10pm ET -</t>
  </si>
  <si>
    <t>27. 10:20pm ET -</t>
  </si>
  <si>
    <t>28. 10:30pm ET -</t>
  </si>
  <si>
    <t>SF/GB</t>
  </si>
  <si>
    <t>Stroud, C.J.</t>
  </si>
  <si>
    <t>Witherspoon, Devon</t>
  </si>
  <si>
    <t>Anderson Jr., Will</t>
  </si>
  <si>
    <t>Gibbs, Jahmyr</t>
  </si>
  <si>
    <t>GB/CIN</t>
  </si>
  <si>
    <t>Robinson, Bijan</t>
  </si>
  <si>
    <t>Achane, De'Von</t>
  </si>
  <si>
    <t>Carter, Jalen</t>
  </si>
  <si>
    <t>Richardson, Anthony</t>
  </si>
  <si>
    <t>Porter Jr., Joey</t>
  </si>
  <si>
    <t>Nacua, Puka</t>
  </si>
  <si>
    <t>Turner, Kobie</t>
  </si>
  <si>
    <t>White, Keion</t>
  </si>
  <si>
    <t>Benton, Keeanu</t>
  </si>
  <si>
    <t>Rice, Rashee</t>
  </si>
  <si>
    <t>Tippmann, Joe</t>
  </si>
  <si>
    <t>LaPorta, Sam</t>
  </si>
  <si>
    <t>Levis, Will</t>
  </si>
  <si>
    <t>Pace Jr., Ivan</t>
  </si>
  <si>
    <t>Browning, Jake</t>
  </si>
  <si>
    <t>Johnson Jr., Paris</t>
  </si>
  <si>
    <t>Addison, Jordan</t>
  </si>
  <si>
    <t>Banks, Deonte</t>
  </si>
  <si>
    <t>Kincaid, Dalton</t>
  </si>
  <si>
    <t>Branch, Brian</t>
  </si>
  <si>
    <t>Williams, Jameson</t>
  </si>
  <si>
    <t>Flowers, Zay</t>
  </si>
  <si>
    <t>Wright, Darnell</t>
  </si>
  <si>
    <t>Spears, Tyjae</t>
  </si>
  <si>
    <t>Young, Byron</t>
  </si>
  <si>
    <t>Charbonnet, Zach</t>
  </si>
  <si>
    <t>Campbell, Jack</t>
  </si>
  <si>
    <t>Smith-Njigba, Jaxon</t>
  </si>
  <si>
    <t>Mims Jr., Marvin</t>
  </si>
  <si>
    <t>Torrence, O'Cyrus</t>
  </si>
  <si>
    <t>Battle, Jordan</t>
  </si>
  <si>
    <t>Brents, Julius</t>
  </si>
  <si>
    <t>Dell, Tank</t>
  </si>
  <si>
    <t>Reed, Jayden</t>
  </si>
  <si>
    <t>DEN/SEA</t>
  </si>
  <si>
    <t>HOU/TEN</t>
  </si>
  <si>
    <t>Henley, Daiyan</t>
  </si>
  <si>
    <t>Bell, Markquese</t>
  </si>
  <si>
    <t>Simpson, Trenton</t>
  </si>
  <si>
    <t>Avila, Steve</t>
  </si>
  <si>
    <t>Jones, Broderick</t>
  </si>
  <si>
    <t>McDonald, Will</t>
  </si>
  <si>
    <t>Skoronski, Peter</t>
  </si>
  <si>
    <t>Johnson, Roschon</t>
  </si>
  <si>
    <t>Stevenson, Tyrique</t>
  </si>
  <si>
    <t>Mauch, Cody</t>
  </si>
  <si>
    <t>Bergeron, Matthew</t>
  </si>
  <si>
    <t>Scruggs, Juice</t>
  </si>
  <si>
    <t>Harrison, Anton</t>
  </si>
  <si>
    <t>Jones, Dawand</t>
  </si>
  <si>
    <t>Chandler, Ty</t>
  </si>
  <si>
    <t>Sow, Sidy</t>
  </si>
  <si>
    <t>Johnston, Quentin</t>
  </si>
  <si>
    <t>NO/IND</t>
  </si>
  <si>
    <t>Aubrey, Brandon</t>
  </si>
  <si>
    <t>Kraft, Tucker</t>
  </si>
  <si>
    <t xml:space="preserve">PHI/TB </t>
  </si>
  <si>
    <t>PIT/TEN</t>
  </si>
  <si>
    <t>Jones, Jaylon V.</t>
  </si>
  <si>
    <t>Brown, Chase</t>
  </si>
  <si>
    <t>Valentine, Carrington</t>
  </si>
  <si>
    <t>Diaby, YaYa</t>
  </si>
  <si>
    <t>Conner, Chamarri</t>
  </si>
  <si>
    <t>Bresee, Bryan</t>
  </si>
  <si>
    <t>Morris, Wanya</t>
  </si>
  <si>
    <t>Hall, Derick</t>
  </si>
  <si>
    <t>Musgrave, Luke</t>
  </si>
  <si>
    <t>To'o To'o, Henry</t>
  </si>
  <si>
    <t>Van Ness, Lukas</t>
  </si>
  <si>
    <t>Young, Bryce</t>
  </si>
  <si>
    <t>Dean, Nakobe</t>
  </si>
  <si>
    <t>Yiadom, Isaac</t>
  </si>
  <si>
    <t>Turner, DJ</t>
  </si>
  <si>
    <t>Dowdle, Rico</t>
  </si>
  <si>
    <t>Dexter, Gervon</t>
  </si>
  <si>
    <t>Schmitz, John Michael</t>
  </si>
  <si>
    <t>Mitchell, Keaton</t>
  </si>
  <si>
    <t>Smith, Nolan</t>
  </si>
  <si>
    <t>O'Connell, Aidan</t>
  </si>
  <si>
    <t>Brown, Ji'Ayir</t>
  </si>
  <si>
    <t>Moss, Riley</t>
  </si>
  <si>
    <t>Kancey, Calijah</t>
  </si>
  <si>
    <t>Demercado, Emari</t>
  </si>
  <si>
    <t>Wilson, Michael</t>
  </si>
  <si>
    <t>Tuipulotu, Tuli</t>
  </si>
  <si>
    <t>PHI/SEA/ATL</t>
  </si>
  <si>
    <t>Williams, Dorian</t>
  </si>
  <si>
    <t>Rhyan, Sean</t>
  </si>
  <si>
    <t>McLaughlin, Jaleel</t>
  </si>
  <si>
    <t>Herbig, Nick</t>
  </si>
  <si>
    <t>Walker, Rasheed</t>
  </si>
  <si>
    <t>Washington, Darnell</t>
  </si>
  <si>
    <t>Ojulari, BJ</t>
  </si>
  <si>
    <t>Martin, Jartavius</t>
  </si>
  <si>
    <t>Downs, Josh</t>
  </si>
  <si>
    <t>Bradford, Anthony</t>
  </si>
  <si>
    <t>Johnson, Antonio</t>
  </si>
  <si>
    <t>Wicks, Dontayvion</t>
  </si>
  <si>
    <t>Smith, Mazi</t>
  </si>
  <si>
    <t>Mayer, Michael</t>
  </si>
  <si>
    <t>Strong Jr., Pierre</t>
  </si>
  <si>
    <t>Murphy, Myles</t>
  </si>
  <si>
    <t>Davis, Derius</t>
  </si>
  <si>
    <t>Tolbert, Jalen</t>
  </si>
  <si>
    <t>Gipson, Xavier</t>
  </si>
  <si>
    <t>Iosivas, Andrei</t>
  </si>
  <si>
    <t>Tucker, Tre</t>
  </si>
  <si>
    <t>Wattenberg, Luke</t>
  </si>
  <si>
    <t>Locke, P.J.</t>
  </si>
  <si>
    <t>Mingo, Jonathan</t>
  </si>
  <si>
    <t>Hill, Julian</t>
  </si>
  <si>
    <t>Hanson, Jake</t>
  </si>
  <si>
    <t>Stills, Dante</t>
  </si>
  <si>
    <t>Anudike-Uzomah, Felix</t>
  </si>
  <si>
    <t>Bigsby, Tank</t>
  </si>
  <si>
    <t>Williams, Garrett</t>
  </si>
  <si>
    <t>Hyatt, Jalin</t>
  </si>
  <si>
    <t>Wilson, Tyree</t>
  </si>
  <si>
    <t>Douglas, Demario</t>
  </si>
  <si>
    <t>Schoonmaker, Luke</t>
  </si>
  <si>
    <t>Hickman Jr., Ronnie</t>
  </si>
  <si>
    <t>McMillian, Ja'Quan</t>
  </si>
  <si>
    <t>Forbes, Emmanuel</t>
  </si>
  <si>
    <t>Ogletree, Andrew</t>
  </si>
  <si>
    <t>Izien, Christian</t>
  </si>
  <si>
    <t>DEN/TB</t>
  </si>
  <si>
    <t>Thomas, Starling</t>
  </si>
  <si>
    <t>Howden, Jordan</t>
  </si>
  <si>
    <t>DeVito, Tommy</t>
  </si>
  <si>
    <t>Strange, Brenton</t>
  </si>
  <si>
    <t>Sermon, Trey</t>
  </si>
  <si>
    <t>Luepke, Hunter</t>
  </si>
  <si>
    <t>McLaughlin, Chase</t>
  </si>
  <si>
    <t>Zavala, Chandler</t>
  </si>
  <si>
    <t>Hudson, Tanner</t>
  </si>
  <si>
    <t>Lutz, Wil</t>
  </si>
  <si>
    <t>Foskey, Isaiah</t>
  </si>
  <si>
    <t>Wallace, Tylan</t>
  </si>
  <si>
    <t>Brooks, Karl</t>
  </si>
  <si>
    <t>Phillips, Clark</t>
  </si>
  <si>
    <t>Bennett, Jakorian</t>
  </si>
  <si>
    <t>Smartt, Stone</t>
  </si>
  <si>
    <t>Steen, Tyler</t>
  </si>
  <si>
    <t>Bell, D'Anthony</t>
  </si>
  <si>
    <t>Lake, Quentin</t>
  </si>
  <si>
    <t>Brown, Sydney</t>
  </si>
  <si>
    <t>Jones, Charlie</t>
  </si>
  <si>
    <t>Rozeboom, Christian</t>
  </si>
  <si>
    <t>Harrison, Zach</t>
  </si>
  <si>
    <t>Sanders, Drew</t>
  </si>
  <si>
    <t>Blackmon, Mekhi</t>
  </si>
  <si>
    <t>Awosika, Kayode</t>
  </si>
  <si>
    <t>Whyle, Josh</t>
  </si>
  <si>
    <t>Beck, Andrew</t>
  </si>
  <si>
    <t>Dimukeje, Victor</t>
  </si>
  <si>
    <t>Perry, A.T.</t>
  </si>
  <si>
    <t>Rodriguez Jr., Chris</t>
  </si>
  <si>
    <t>Warren, Carter</t>
  </si>
  <si>
    <t>Higgins, Elijah</t>
  </si>
  <si>
    <t>Lowe, Vederian</t>
  </si>
  <si>
    <t>Sanchez, Rigoberto</t>
  </si>
  <si>
    <t>Abdullah, Yasir</t>
  </si>
  <si>
    <t>Miller, Kendre</t>
  </si>
  <si>
    <t>Adebawore, Adetomiwa</t>
  </si>
  <si>
    <t>Ruckert, Jeremy</t>
  </si>
  <si>
    <t>Matlock, Scott</t>
  </si>
  <si>
    <t>Allen, Davis</t>
  </si>
  <si>
    <t>Trammell, Austin</t>
  </si>
  <si>
    <t>Lacy, Tyler</t>
  </si>
  <si>
    <t>Humphrey, Lil'Jordan</t>
  </si>
  <si>
    <t>Johnson, Ty</t>
  </si>
  <si>
    <t>Pickens, Zacch</t>
  </si>
  <si>
    <t>Pola-Mao, Isaiah</t>
  </si>
  <si>
    <t>Grupe, Blake</t>
  </si>
  <si>
    <t>Freeland, Blake</t>
  </si>
  <si>
    <t>Butler, Adam</t>
  </si>
  <si>
    <t>Vaughn, Deuce</t>
  </si>
  <si>
    <t>Robbins, Brad</t>
  </si>
  <si>
    <t>Lamm, Kendall</t>
  </si>
  <si>
    <t>Ringo, Kelee</t>
  </si>
  <si>
    <t>Metchie, John</t>
  </si>
  <si>
    <t>Robinson, Tavius</t>
  </si>
  <si>
    <t>Tillman, Cedric</t>
  </si>
  <si>
    <t>Durham, Payne</t>
  </si>
  <si>
    <t>Johnson, Fred</t>
  </si>
  <si>
    <t>Washington, Parker</t>
  </si>
  <si>
    <t>Robinson, Janarius</t>
  </si>
  <si>
    <t>Rudolph, Mason</t>
  </si>
  <si>
    <t>McGuire, Isaiah</t>
  </si>
  <si>
    <t>Gray, Eric</t>
  </si>
  <si>
    <t>Sewell, Noah</t>
  </si>
  <si>
    <t>Whelan, Daniel</t>
  </si>
  <si>
    <t>Austin, CaLAVin</t>
  </si>
  <si>
    <t>Oluwatimi, Olu</t>
  </si>
  <si>
    <t>Anderson, Spencer</t>
  </si>
  <si>
    <t>Johnson, DJ</t>
  </si>
  <si>
    <t>Land, Isaiah</t>
  </si>
  <si>
    <t>Stick, Easton</t>
  </si>
  <si>
    <t>Lewis, Cam</t>
  </si>
  <si>
    <t>DEN/CIN</t>
  </si>
  <si>
    <t>Ledbetter, Jeremiah</t>
  </si>
  <si>
    <t>Abanikanda, Israel</t>
  </si>
  <si>
    <t>Garror, Eric</t>
  </si>
  <si>
    <t>Hedley, Lou</t>
  </si>
  <si>
    <t>McClendon Jr., Warren</t>
  </si>
  <si>
    <t>Kolar, Charlie</t>
  </si>
  <si>
    <t>Mallory, Will</t>
  </si>
  <si>
    <t>Duncan, Jaelyn</t>
  </si>
  <si>
    <t>Baringer, Bryce</t>
  </si>
  <si>
    <t>Jones, Andre</t>
  </si>
  <si>
    <t>Palmer, Trey</t>
  </si>
  <si>
    <t>Clark, Kei'Trel</t>
  </si>
  <si>
    <t>Mathis, Phidarian</t>
  </si>
  <si>
    <t>Mitchell, Cameron</t>
  </si>
  <si>
    <t>Bobo, Jake</t>
  </si>
  <si>
    <t>Mundt, Johnny</t>
  </si>
  <si>
    <t>Montgomery, Ty</t>
  </si>
  <si>
    <t>Hellams, DeMarcco</t>
  </si>
  <si>
    <t>Neuzil, Ryan</t>
  </si>
  <si>
    <t>Cotton, Lester</t>
  </si>
  <si>
    <t>Moody, Jake</t>
  </si>
  <si>
    <t>Strnad, Justin</t>
  </si>
  <si>
    <t>Wypler, Luke</t>
  </si>
  <si>
    <t>Melton, Bo</t>
  </si>
  <si>
    <t>Pharms Jr., Jeremiah</t>
  </si>
  <si>
    <t>Hand, Da'Shawn</t>
  </si>
  <si>
    <t>Johnson, Desjuan</t>
  </si>
  <si>
    <t>Young, Cameron</t>
  </si>
  <si>
    <t>Newman-Johnson, Xavier</t>
  </si>
  <si>
    <t>Mapu, Marte</t>
  </si>
  <si>
    <t>Curhan, Jake</t>
  </si>
  <si>
    <t>Ricks, Eli</t>
  </si>
  <si>
    <t>Pennel, Mike</t>
  </si>
  <si>
    <t>Ward, Jonathan</t>
  </si>
  <si>
    <t>Young, Byron A.</t>
  </si>
  <si>
    <t>McFadden, Jordan</t>
  </si>
  <si>
    <t>Elliss, Christian</t>
  </si>
  <si>
    <t>Hoffman, Brock</t>
  </si>
  <si>
    <t>Jackson, Theo</t>
  </si>
  <si>
    <t>Greene, Mike</t>
  </si>
  <si>
    <t>Stromberg, Ricky</t>
  </si>
  <si>
    <t>Wooden, Colby</t>
  </si>
  <si>
    <t>Spiller, Isaiah</t>
  </si>
  <si>
    <t>Johnson, Brandon</t>
  </si>
  <si>
    <t>Thompson-Robinson, Dorian</t>
  </si>
  <si>
    <t>Proche, James</t>
  </si>
  <si>
    <t>Smith, Terell</t>
  </si>
  <si>
    <t>Olubi, Segun</t>
  </si>
  <si>
    <t>Trask, Kyle</t>
  </si>
  <si>
    <t>Bell, Ronnie</t>
  </si>
  <si>
    <t>Bagent, Tyson</t>
  </si>
  <si>
    <t>Andrews, Jake</t>
  </si>
  <si>
    <t>Darden, Jaelon</t>
  </si>
  <si>
    <t>Badgley, Michael</t>
  </si>
  <si>
    <t>Kinsey, Mason</t>
  </si>
  <si>
    <t>Boyle, Tim</t>
  </si>
  <si>
    <t>Williams, Nick</t>
  </si>
  <si>
    <t>Bailey, Jake</t>
  </si>
  <si>
    <t>Reese, Otis</t>
  </si>
  <si>
    <t>French, Wesley</t>
  </si>
  <si>
    <t>Lemieux, Shane</t>
  </si>
  <si>
    <t>Spector, Baylon</t>
  </si>
  <si>
    <t>Moore, David</t>
  </si>
  <si>
    <t>Tune, Clayton</t>
  </si>
  <si>
    <t>Dorsey, Khalil</t>
  </si>
  <si>
    <t>Hampton, Nick</t>
  </si>
  <si>
    <t>Thomas, Juanyeh</t>
  </si>
  <si>
    <t>Ray, LaBryan</t>
  </si>
  <si>
    <t>Dunn, Michael</t>
  </si>
  <si>
    <t>Morris, Quintin</t>
  </si>
  <si>
    <t>Horton, Dylan</t>
  </si>
  <si>
    <t>Richards, Asim</t>
  </si>
  <si>
    <t>Smith, Andre</t>
  </si>
  <si>
    <t>Thurman, Nick</t>
  </si>
  <si>
    <t>Scott, Tyler</t>
  </si>
  <si>
    <t>Bawden, Nick</t>
  </si>
  <si>
    <t>Scott, Trent</t>
  </si>
  <si>
    <t>Jackson, D'Marco</t>
  </si>
  <si>
    <t>Pili, Brandon</t>
  </si>
  <si>
    <t>Skule, Justin</t>
  </si>
  <si>
    <t>Luter Jr., Darrell</t>
  </si>
  <si>
    <t>Herring, Malik</t>
  </si>
  <si>
    <t>Davis, Khalil</t>
  </si>
  <si>
    <t>Welch, Kristian</t>
  </si>
  <si>
    <t>Leonard, Deane</t>
  </si>
  <si>
    <t>N/A</t>
  </si>
  <si>
    <t>xxx</t>
  </si>
  <si>
    <t>Gallup, Michael</t>
  </si>
  <si>
    <t>Brown, Jayon</t>
  </si>
  <si>
    <t>McKissic, J.D.</t>
  </si>
  <si>
    <t>Crowder, Jamison</t>
  </si>
  <si>
    <t>Johnson, D'Ernest</t>
  </si>
  <si>
    <t>Roberts, Sam</t>
  </si>
  <si>
    <t>Turner, Cole</t>
  </si>
  <si>
    <t>Russell, J.J.</t>
  </si>
  <si>
    <t>Thomas, Zachary</t>
  </si>
  <si>
    <t>Glaser, Chris</t>
  </si>
  <si>
    <t>Campbell, Parris</t>
  </si>
  <si>
    <t>Woods, Al</t>
  </si>
  <si>
    <t>Williams, DeShawn</t>
  </si>
  <si>
    <t>Eiselen, Dieter</t>
  </si>
  <si>
    <t>Bootle, Dicaprio</t>
  </si>
  <si>
    <t>Prentice, Adam</t>
  </si>
  <si>
    <t>Schlottmann, Austin</t>
  </si>
  <si>
    <t>McFarland Jr., Anthony</t>
  </si>
  <si>
    <t>Smith, Kion</t>
  </si>
  <si>
    <t>Adams, Myles</t>
  </si>
  <si>
    <t>Henderson, C.J.</t>
  </si>
  <si>
    <t>Levin, Corey</t>
  </si>
  <si>
    <t>Dulin, Ashton</t>
  </si>
  <si>
    <t>Krull, Lucas</t>
  </si>
  <si>
    <t>Woods, Josh</t>
  </si>
  <si>
    <t>Neal, Keanu</t>
  </si>
  <si>
    <t>Kramer, Doug</t>
  </si>
  <si>
    <t>Niemann, Ben</t>
  </si>
  <si>
    <t>Breida, Matt</t>
  </si>
  <si>
    <t>Davis, Corey</t>
  </si>
  <si>
    <t>Johnson, Patrick</t>
  </si>
  <si>
    <t>Henderson Jr., Darrell</t>
  </si>
  <si>
    <t>Settle, Tim</t>
  </si>
  <si>
    <t>Harris, Jonathan</t>
  </si>
  <si>
    <t>Scott, Nick</t>
  </si>
  <si>
    <t>Robinson, Allen</t>
  </si>
  <si>
    <t>Farrell, Luke</t>
  </si>
  <si>
    <t>Bryant, Coby</t>
  </si>
  <si>
    <t>Sample, Drew</t>
  </si>
  <si>
    <t>Tannehill, Ryan</t>
  </si>
  <si>
    <t>Vaughn, Ke'Shawn</t>
  </si>
  <si>
    <t>Jaimes, Brenden</t>
  </si>
  <si>
    <t>Hall, Jaren</t>
  </si>
  <si>
    <t>Foles, Nick</t>
  </si>
  <si>
    <t>Pinion, Bradley</t>
  </si>
  <si>
    <t>Waitman, Corliss</t>
  </si>
  <si>
    <t>Summers, Ty</t>
  </si>
  <si>
    <t>Garcia, Max</t>
  </si>
  <si>
    <t>Davidson, D.J.</t>
  </si>
  <si>
    <t>Wooten, Chandler</t>
  </si>
  <si>
    <t>Rhattigan, Jon</t>
  </si>
  <si>
    <t>Incoom, Thomas</t>
  </si>
  <si>
    <t>Newman, Royce</t>
  </si>
  <si>
    <t>Burney, Amari</t>
  </si>
  <si>
    <t>Carter, Andre</t>
  </si>
  <si>
    <t>Ivey, D.J.</t>
  </si>
  <si>
    <t>McLeod, Rodney</t>
  </si>
  <si>
    <t>Schwartz, Anthony</t>
  </si>
  <si>
    <t>Smith, D'Ante</t>
  </si>
  <si>
    <t>Davidson, Marlon</t>
  </si>
  <si>
    <t>Holmes, Jalyn</t>
  </si>
  <si>
    <t>Carter, Ja'Tyre</t>
  </si>
  <si>
    <t>Jefferson, Malik</t>
  </si>
  <si>
    <t>Martin, Jak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-F800]dddd\,\ mmmm\ dd\,\ yyyy"/>
    <numFmt numFmtId="165" formatCode="[$-409]mmmm\ d\,\ yyyy;@"/>
  </numFmts>
  <fonts count="24" x14ac:knownFonts="1">
    <font>
      <sz val="10"/>
      <name val="Arial"/>
    </font>
    <font>
      <sz val="10"/>
      <name val="Arial"/>
      <family val="2"/>
    </font>
    <font>
      <b/>
      <u/>
      <sz val="16"/>
      <name val="Arial"/>
      <family val="2"/>
    </font>
    <font>
      <sz val="10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0"/>
      <name val="Arial"/>
      <family val="2"/>
    </font>
    <font>
      <b/>
      <sz val="10"/>
      <name val="Arial"/>
      <family val="2"/>
    </font>
    <font>
      <sz val="10"/>
      <name val="Verdana"/>
      <family val="2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</fills>
  <borders count="10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</borders>
  <cellStyleXfs count="55">
    <xf numFmtId="0" fontId="0" fillId="0" borderId="0"/>
    <xf numFmtId="0" fontId="4" fillId="2" borderId="0" applyNumberFormat="0" applyBorder="0" applyAlignment="0" applyProtection="0"/>
    <xf numFmtId="0" fontId="4" fillId="3" borderId="0" applyNumberFormat="0" applyBorder="0" applyAlignment="0" applyProtection="0"/>
    <xf numFmtId="0" fontId="4" fillId="4" borderId="0" applyNumberFormat="0" applyBorder="0" applyAlignment="0" applyProtection="0"/>
    <xf numFmtId="0" fontId="4" fillId="5" borderId="0" applyNumberFormat="0" applyBorder="0" applyAlignment="0" applyProtection="0"/>
    <xf numFmtId="0" fontId="4" fillId="6" borderId="0" applyNumberFormat="0" applyBorder="0" applyAlignment="0" applyProtection="0"/>
    <xf numFmtId="0" fontId="4" fillId="7" borderId="0" applyNumberFormat="0" applyBorder="0" applyAlignment="0" applyProtection="0"/>
    <xf numFmtId="0" fontId="4" fillId="8" borderId="0" applyNumberFormat="0" applyBorder="0" applyAlignment="0" applyProtection="0"/>
    <xf numFmtId="0" fontId="4" fillId="9" borderId="0" applyNumberFormat="0" applyBorder="0" applyAlignment="0" applyProtection="0"/>
    <xf numFmtId="0" fontId="4" fillId="10" borderId="0" applyNumberFormat="0" applyBorder="0" applyAlignment="0" applyProtection="0"/>
    <xf numFmtId="0" fontId="4" fillId="5" borderId="0" applyNumberFormat="0" applyBorder="0" applyAlignment="0" applyProtection="0"/>
    <xf numFmtId="0" fontId="4" fillId="8" borderId="0" applyNumberFormat="0" applyBorder="0" applyAlignment="0" applyProtection="0"/>
    <xf numFmtId="0" fontId="4" fillId="11" borderId="0" applyNumberFormat="0" applyBorder="0" applyAlignment="0" applyProtection="0"/>
    <xf numFmtId="0" fontId="5" fillId="12" borderId="0" applyNumberFormat="0" applyBorder="0" applyAlignment="0" applyProtection="0"/>
    <xf numFmtId="0" fontId="5" fillId="9" borderId="0" applyNumberFormat="0" applyBorder="0" applyAlignment="0" applyProtection="0"/>
    <xf numFmtId="0" fontId="5" fillId="10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5" borderId="0" applyNumberFormat="0" applyBorder="0" applyAlignment="0" applyProtection="0"/>
    <xf numFmtId="0" fontId="5" fillId="16" borderId="0" applyNumberFormat="0" applyBorder="0" applyAlignment="0" applyProtection="0"/>
    <xf numFmtId="0" fontId="5" fillId="17" borderId="0" applyNumberFormat="0" applyBorder="0" applyAlignment="0" applyProtection="0"/>
    <xf numFmtId="0" fontId="5" fillId="18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9" borderId="0" applyNumberFormat="0" applyBorder="0" applyAlignment="0" applyProtection="0"/>
    <xf numFmtId="0" fontId="6" fillId="3" borderId="0" applyNumberFormat="0" applyBorder="0" applyAlignment="0" applyProtection="0"/>
    <xf numFmtId="0" fontId="7" fillId="20" borderId="1" applyNumberFormat="0" applyAlignment="0" applyProtection="0"/>
    <xf numFmtId="0" fontId="8" fillId="21" borderId="2" applyNumberFormat="0" applyAlignment="0" applyProtection="0"/>
    <xf numFmtId="0" fontId="9" fillId="0" borderId="0" applyNumberFormat="0" applyFill="0" applyBorder="0" applyAlignment="0" applyProtection="0"/>
    <xf numFmtId="0" fontId="10" fillId="4" borderId="0" applyNumberFormat="0" applyBorder="0" applyAlignment="0" applyProtection="0"/>
    <xf numFmtId="0" fontId="11" fillId="0" borderId="3" applyNumberFormat="0" applyFill="0" applyAlignment="0" applyProtection="0"/>
    <xf numFmtId="0" fontId="12" fillId="0" borderId="4" applyNumberFormat="0" applyFill="0" applyAlignment="0" applyProtection="0"/>
    <xf numFmtId="0" fontId="13" fillId="0" borderId="5" applyNumberFormat="0" applyFill="0" applyAlignment="0" applyProtection="0"/>
    <xf numFmtId="0" fontId="13" fillId="0" borderId="0" applyNumberFormat="0" applyFill="0" applyBorder="0" applyAlignment="0" applyProtection="0"/>
    <xf numFmtId="0" fontId="14" fillId="7" borderId="1" applyNumberFormat="0" applyAlignment="0" applyProtection="0"/>
    <xf numFmtId="0" fontId="15" fillId="0" borderId="6" applyNumberFormat="0" applyFill="0" applyAlignment="0" applyProtection="0"/>
    <xf numFmtId="0" fontId="16" fillId="22" borderId="0" applyNumberFormat="0" applyBorder="0" applyAlignment="0" applyProtection="0"/>
    <xf numFmtId="0" fontId="3" fillId="0" borderId="0"/>
    <xf numFmtId="0" fontId="3" fillId="0" borderId="0"/>
    <xf numFmtId="0" fontId="21" fillId="0" borderId="0"/>
    <xf numFmtId="0" fontId="3" fillId="0" borderId="0"/>
    <xf numFmtId="0" fontId="1" fillId="23" borderId="7" applyNumberFormat="0" applyFont="0" applyAlignment="0" applyProtection="0"/>
    <xf numFmtId="0" fontId="3" fillId="23" borderId="7" applyNumberFormat="0" applyFont="0" applyAlignment="0" applyProtection="0"/>
    <xf numFmtId="0" fontId="17" fillId="20" borderId="8" applyNumberFormat="0" applyAlignment="0" applyProtection="0"/>
    <xf numFmtId="0" fontId="18" fillId="0" borderId="0" applyNumberFormat="0" applyFill="0" applyBorder="0" applyAlignment="0" applyProtection="0"/>
    <xf numFmtId="0" fontId="19" fillId="0" borderId="9" applyNumberFormat="0" applyFill="0" applyAlignment="0" applyProtection="0"/>
    <xf numFmtId="0" fontId="20" fillId="0" borderId="0" applyNumberForma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23" borderId="7" applyNumberFormat="0" applyFont="0" applyAlignment="0" applyProtection="0"/>
    <xf numFmtId="0" fontId="1" fillId="0" borderId="0"/>
    <xf numFmtId="0" fontId="23" fillId="0" borderId="0"/>
  </cellStyleXfs>
  <cellXfs count="28">
    <xf numFmtId="0" fontId="0" fillId="0" borderId="0" xfId="0"/>
    <xf numFmtId="0" fontId="0" fillId="0" borderId="0" xfId="0" applyAlignment="1">
      <alignment horizontal="center"/>
    </xf>
    <xf numFmtId="0" fontId="2" fillId="0" borderId="0" xfId="0" applyFont="1" applyAlignment="1">
      <alignment horizontal="center"/>
    </xf>
    <xf numFmtId="0" fontId="3" fillId="0" borderId="0" xfId="0" applyFont="1"/>
    <xf numFmtId="0" fontId="0" fillId="0" borderId="0" xfId="0" applyAlignment="1">
      <alignment horizontal="left"/>
    </xf>
    <xf numFmtId="0" fontId="3" fillId="0" borderId="0" xfId="0" applyFont="1" applyAlignment="1">
      <alignment horizontal="left"/>
    </xf>
    <xf numFmtId="0" fontId="3" fillId="0" borderId="0" xfId="37"/>
    <xf numFmtId="49" fontId="3" fillId="0" borderId="0" xfId="0" applyNumberFormat="1" applyFont="1" applyAlignment="1">
      <alignment horizontal="center"/>
    </xf>
    <xf numFmtId="0" fontId="3" fillId="0" borderId="0" xfId="37" applyAlignment="1">
      <alignment horizontal="left"/>
    </xf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165" fontId="0" fillId="0" borderId="0" xfId="0" applyNumberFormat="1" applyAlignment="1">
      <alignment horizontal="center"/>
    </xf>
    <xf numFmtId="165" fontId="3" fillId="0" borderId="0" xfId="0" applyNumberFormat="1" applyFont="1"/>
    <xf numFmtId="164" fontId="3" fillId="0" borderId="0" xfId="0" applyNumberFormat="1" applyFont="1"/>
    <xf numFmtId="49" fontId="0" fillId="0" borderId="0" xfId="0" applyNumberFormat="1"/>
    <xf numFmtId="49" fontId="0" fillId="0" borderId="0" xfId="0" applyNumberFormat="1" applyAlignment="1">
      <alignment vertical="center"/>
    </xf>
    <xf numFmtId="49" fontId="3" fillId="0" borderId="0" xfId="0" applyNumberFormat="1" applyFont="1"/>
    <xf numFmtId="49" fontId="22" fillId="0" borderId="0" xfId="0" applyNumberFormat="1" applyFont="1"/>
    <xf numFmtId="0" fontId="1" fillId="0" borderId="0" xfId="0" applyFont="1"/>
    <xf numFmtId="49" fontId="1" fillId="0" borderId="0" xfId="0" applyNumberFormat="1" applyFont="1"/>
    <xf numFmtId="49" fontId="22" fillId="0" borderId="0" xfId="0" applyNumberFormat="1" applyFont="1" applyAlignment="1">
      <alignment horizontal="center"/>
    </xf>
    <xf numFmtId="0" fontId="1" fillId="0" borderId="0" xfId="53" applyAlignment="1">
      <alignment horizontal="left"/>
    </xf>
    <xf numFmtId="0" fontId="1" fillId="0" borderId="0" xfId="53"/>
    <xf numFmtId="0" fontId="22" fillId="0" borderId="0" xfId="0" applyFont="1"/>
    <xf numFmtId="0" fontId="22" fillId="0" borderId="0" xfId="53" applyFont="1"/>
    <xf numFmtId="0" fontId="1" fillId="0" borderId="0" xfId="37" applyFont="1"/>
    <xf numFmtId="0" fontId="1" fillId="0" borderId="0" xfId="54" applyFont="1"/>
    <xf numFmtId="0" fontId="1" fillId="0" borderId="0" xfId="38" applyFont="1"/>
  </cellXfs>
  <cellStyles count="55">
    <cellStyle name="20% - Accent1" xfId="1" builtinId="30" customBuiltin="1"/>
    <cellStyle name="20% - Accent2" xfId="2" builtinId="34" customBuiltin="1"/>
    <cellStyle name="20% - Accent3" xfId="3" builtinId="38" customBuiltin="1"/>
    <cellStyle name="20% - Accent4" xfId="4" builtinId="42" customBuiltin="1"/>
    <cellStyle name="20% - Accent5" xfId="5" builtinId="46" customBuiltin="1"/>
    <cellStyle name="20% - Accent6" xfId="6" builtinId="50" customBuiltin="1"/>
    <cellStyle name="40% - Accent1" xfId="7" builtinId="31" customBuiltin="1"/>
    <cellStyle name="40% - Accent2" xfId="8" builtinId="35" customBuiltin="1"/>
    <cellStyle name="40% - Accent3" xfId="9" builtinId="39" customBuiltin="1"/>
    <cellStyle name="40% - Accent4" xfId="10" builtinId="43" customBuiltin="1"/>
    <cellStyle name="40% - Accent5" xfId="11" builtinId="47" customBuiltin="1"/>
    <cellStyle name="40% - Accent6" xfId="12" builtinId="51" customBuiltin="1"/>
    <cellStyle name="60% - Accent1" xfId="13" builtinId="32" customBuiltin="1"/>
    <cellStyle name="60% - Accent2" xfId="14" builtinId="36" customBuiltin="1"/>
    <cellStyle name="60% - Accent3" xfId="15" builtinId="40" customBuiltin="1"/>
    <cellStyle name="60% - Accent4" xfId="16" builtinId="44" customBuiltin="1"/>
    <cellStyle name="60% - Accent5" xfId="17" builtinId="48" customBuiltin="1"/>
    <cellStyle name="60% - Accent6" xfId="18" builtinId="52" customBuiltin="1"/>
    <cellStyle name="Accent1" xfId="19" builtinId="29" customBuiltin="1"/>
    <cellStyle name="Accent2" xfId="20" builtinId="33" customBuiltin="1"/>
    <cellStyle name="Accent3" xfId="21" builtinId="37" customBuiltin="1"/>
    <cellStyle name="Accent4" xfId="22" builtinId="41" customBuiltin="1"/>
    <cellStyle name="Accent5" xfId="23" builtinId="45" customBuiltin="1"/>
    <cellStyle name="Accent6" xfId="24" builtinId="49" customBuiltin="1"/>
    <cellStyle name="Bad" xfId="25" builtinId="27" customBuiltin="1"/>
    <cellStyle name="Calculation" xfId="26" builtinId="22" customBuiltin="1"/>
    <cellStyle name="Check Cell" xfId="27" builtinId="23" customBuiltin="1"/>
    <cellStyle name="Explanatory Text" xfId="28" builtinId="53" customBuiltin="1"/>
    <cellStyle name="Good" xfId="29" builtinId="26" customBuiltin="1"/>
    <cellStyle name="Heading 1" xfId="30" builtinId="16" customBuiltin="1"/>
    <cellStyle name="Heading 2" xfId="31" builtinId="17" customBuiltin="1"/>
    <cellStyle name="Heading 3" xfId="32" builtinId="18" customBuiltin="1"/>
    <cellStyle name="Heading 4" xfId="33" builtinId="19" customBuiltin="1"/>
    <cellStyle name="Input" xfId="34" builtinId="20" customBuiltin="1"/>
    <cellStyle name="Linked Cell" xfId="35" builtinId="24" customBuiltin="1"/>
    <cellStyle name="Neutral" xfId="36" builtinId="28" customBuiltin="1"/>
    <cellStyle name="Normal" xfId="0" builtinId="0"/>
    <cellStyle name="Normal 2" xfId="37" xr:uid="{00000000-0005-0000-0000-000025000000}"/>
    <cellStyle name="Normal 2 2" xfId="38" xr:uid="{00000000-0005-0000-0000-000026000000}"/>
    <cellStyle name="Normal 2 2 2" xfId="53" xr:uid="{41E0167D-9D85-4153-8D11-80389BC04797}"/>
    <cellStyle name="Normal 2 2 3" xfId="49" xr:uid="{0716E432-D918-4EE0-9BC8-47DCFD0535E4}"/>
    <cellStyle name="Normal 2 3" xfId="48" xr:uid="{06597627-EF1B-423E-9B2E-9798BA9A6CAA}"/>
    <cellStyle name="Normal 3" xfId="39" xr:uid="{00000000-0005-0000-0000-000027000000}"/>
    <cellStyle name="Normal 3 2" xfId="40" xr:uid="{00000000-0005-0000-0000-000028000000}"/>
    <cellStyle name="Normal 3 2 2" xfId="51" xr:uid="{20B55552-B3BF-463B-9AC0-BB3603C657BA}"/>
    <cellStyle name="Normal 3 3" xfId="50" xr:uid="{C3698FF4-F06C-4C0A-843E-93E0F5F38A4A}"/>
    <cellStyle name="Normal 4" xfId="47" xr:uid="{15A8AC97-7521-41EF-A9F2-390222977ADE}"/>
    <cellStyle name="Normal 5" xfId="54" xr:uid="{D04A6BB1-0B02-4D40-BA02-606C5B24E789}"/>
    <cellStyle name="Note" xfId="41" builtinId="10" customBuiltin="1"/>
    <cellStyle name="Note 2" xfId="42" xr:uid="{00000000-0005-0000-0000-00002A000000}"/>
    <cellStyle name="Note 2 2" xfId="52" xr:uid="{33E64FEE-3150-4CA7-8039-FC1BABF21784}"/>
    <cellStyle name="Output" xfId="43" builtinId="21" customBuiltin="1"/>
    <cellStyle name="Title" xfId="44" builtinId="15" customBuiltin="1"/>
    <cellStyle name="Total" xfId="45" builtinId="25" customBuiltin="1"/>
    <cellStyle name="Warning Text" xfId="46" builtinId="11" customBuiltin="1"/>
  </cellStyles>
  <dxfs count="504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AC179"/>
  <sheetViews>
    <sheetView topLeftCell="E1" zoomScaleNormal="100" workbookViewId="0">
      <selection activeCell="U17" sqref="U17"/>
    </sheetView>
  </sheetViews>
  <sheetFormatPr defaultRowHeight="12.75" x14ac:dyDescent="0.2"/>
  <cols>
    <col min="1" max="1" width="19" style="1" customWidth="1"/>
    <col min="2" max="2" width="7.85546875" customWidth="1"/>
    <col min="3" max="3" width="5.7109375" customWidth="1"/>
    <col min="4" max="4" width="18.7109375" customWidth="1"/>
    <col min="5" max="5" width="18" bestFit="1" customWidth="1"/>
    <col min="6" max="6" width="8.7109375" style="9" customWidth="1"/>
    <col min="7" max="7" width="7.140625" customWidth="1"/>
    <col min="8" max="8" width="17.7109375" customWidth="1"/>
    <col min="9" max="9" width="18" bestFit="1" customWidth="1"/>
    <col min="10" max="10" width="8" customWidth="1"/>
    <col min="11" max="11" width="5.7109375" customWidth="1"/>
    <col min="12" max="12" width="20.5703125" customWidth="1"/>
    <col min="13" max="13" width="21.42578125" customWidth="1"/>
    <col min="14" max="14" width="12.28515625" bestFit="1" customWidth="1"/>
    <col min="15" max="15" width="8.140625" customWidth="1"/>
    <col min="16" max="16" width="21.5703125" customWidth="1"/>
    <col min="17" max="17" width="18" bestFit="1" customWidth="1"/>
    <col min="20" max="20" width="21.28515625" customWidth="1"/>
    <col min="23" max="23" width="10.5703125" bestFit="1" customWidth="1"/>
  </cols>
  <sheetData>
    <row r="1" spans="1:29" x14ac:dyDescent="0.2">
      <c r="E1" s="4"/>
    </row>
    <row r="2" spans="1:29" ht="20.25" x14ac:dyDescent="0.3">
      <c r="H2" s="2" t="s">
        <v>46</v>
      </c>
    </row>
    <row r="3" spans="1:29" x14ac:dyDescent="0.2">
      <c r="H3" s="7"/>
    </row>
    <row r="4" spans="1:29" x14ac:dyDescent="0.2">
      <c r="H4" s="20" t="s">
        <v>44</v>
      </c>
    </row>
    <row r="5" spans="1:29" x14ac:dyDescent="0.2">
      <c r="J5" s="1"/>
    </row>
    <row r="6" spans="1:29" x14ac:dyDescent="0.2">
      <c r="A6" t="s">
        <v>0</v>
      </c>
      <c r="B6" s="12"/>
      <c r="D6" s="13"/>
      <c r="E6" s="9" t="s">
        <v>1</v>
      </c>
      <c r="I6" t="s">
        <v>2</v>
      </c>
      <c r="J6" s="1"/>
      <c r="M6" s="3" t="s">
        <v>27</v>
      </c>
      <c r="Q6" s="3" t="s">
        <v>28</v>
      </c>
      <c r="U6" t="s">
        <v>47</v>
      </c>
      <c r="W6" t="s">
        <v>47</v>
      </c>
    </row>
    <row r="7" spans="1:29" x14ac:dyDescent="0.2">
      <c r="A7" s="11">
        <v>45558</v>
      </c>
      <c r="B7" t="s">
        <v>12</v>
      </c>
      <c r="C7" t="s">
        <v>13</v>
      </c>
      <c r="E7" s="11">
        <f>$A$7+1</f>
        <v>45559</v>
      </c>
      <c r="F7" t="s">
        <v>12</v>
      </c>
      <c r="G7" t="s">
        <v>13</v>
      </c>
      <c r="I7" s="11">
        <f>$A$7 +2</f>
        <v>45560</v>
      </c>
      <c r="J7" s="3" t="s">
        <v>12</v>
      </c>
      <c r="K7" s="3" t="s">
        <v>13</v>
      </c>
      <c r="M7" s="11">
        <f>$A$7 +3</f>
        <v>45561</v>
      </c>
      <c r="N7" s="3" t="s">
        <v>12</v>
      </c>
      <c r="O7" s="3" t="s">
        <v>13</v>
      </c>
      <c r="Q7" s="11">
        <f>$A$7 +4</f>
        <v>45562</v>
      </c>
      <c r="R7" s="3" t="s">
        <v>12</v>
      </c>
      <c r="S7" s="3" t="s">
        <v>13</v>
      </c>
      <c r="U7" t="s">
        <v>49</v>
      </c>
      <c r="W7" t="s">
        <v>48</v>
      </c>
    </row>
    <row r="8" spans="1:29" x14ac:dyDescent="0.2">
      <c r="A8" s="21" t="s">
        <v>112</v>
      </c>
      <c r="B8" t="s">
        <v>7</v>
      </c>
      <c r="C8" t="s">
        <v>36</v>
      </c>
      <c r="D8" s="22" t="s">
        <v>141</v>
      </c>
      <c r="E8" s="21" t="s">
        <v>112</v>
      </c>
      <c r="F8" t="s">
        <v>7</v>
      </c>
      <c r="G8" s="18" t="s">
        <v>52</v>
      </c>
      <c r="H8" s="22" t="s">
        <v>170</v>
      </c>
      <c r="I8" s="21" t="s">
        <v>112</v>
      </c>
      <c r="J8" t="s">
        <v>7</v>
      </c>
      <c r="L8" s="22" t="s">
        <v>201</v>
      </c>
      <c r="M8" s="21" t="s">
        <v>112</v>
      </c>
      <c r="N8" t="s">
        <v>7</v>
      </c>
      <c r="P8" s="22" t="s">
        <v>232</v>
      </c>
      <c r="Q8" s="21" t="s">
        <v>112</v>
      </c>
      <c r="R8" t="s">
        <v>7</v>
      </c>
      <c r="T8" s="22" t="s">
        <v>259</v>
      </c>
      <c r="U8" t="s">
        <v>7</v>
      </c>
      <c r="W8" t="s">
        <v>7</v>
      </c>
      <c r="AC8" t="s">
        <v>7</v>
      </c>
    </row>
    <row r="9" spans="1:29" x14ac:dyDescent="0.2">
      <c r="A9" s="21" t="s">
        <v>113</v>
      </c>
      <c r="B9" t="s">
        <v>39</v>
      </c>
      <c r="C9" t="s">
        <v>52</v>
      </c>
      <c r="D9" s="22" t="s">
        <v>142</v>
      </c>
      <c r="E9" s="21" t="s">
        <v>113</v>
      </c>
      <c r="F9" t="s">
        <v>5</v>
      </c>
      <c r="G9" t="s">
        <v>15</v>
      </c>
      <c r="H9" s="22" t="s">
        <v>171</v>
      </c>
      <c r="I9" s="21" t="s">
        <v>113</v>
      </c>
      <c r="J9" t="s">
        <v>39</v>
      </c>
      <c r="K9" t="s">
        <v>19</v>
      </c>
      <c r="L9" s="22" t="s">
        <v>204</v>
      </c>
      <c r="M9" s="21" t="s">
        <v>113</v>
      </c>
      <c r="N9" t="s">
        <v>5</v>
      </c>
      <c r="P9" s="22" t="s">
        <v>233</v>
      </c>
      <c r="Q9" s="21" t="s">
        <v>113</v>
      </c>
      <c r="R9" t="s">
        <v>39</v>
      </c>
      <c r="T9" s="22" t="s">
        <v>260</v>
      </c>
      <c r="U9" t="s">
        <v>39</v>
      </c>
      <c r="W9" t="s">
        <v>5</v>
      </c>
      <c r="AC9" t="s">
        <v>5</v>
      </c>
    </row>
    <row r="10" spans="1:29" x14ac:dyDescent="0.2">
      <c r="A10" s="21" t="s">
        <v>114</v>
      </c>
      <c r="B10" t="s">
        <v>18</v>
      </c>
      <c r="C10" t="s">
        <v>5</v>
      </c>
      <c r="D10" s="22" t="s">
        <v>143</v>
      </c>
      <c r="E10" s="21" t="s">
        <v>114</v>
      </c>
      <c r="F10" t="s">
        <v>14</v>
      </c>
      <c r="H10" s="22" t="s">
        <v>172</v>
      </c>
      <c r="I10" s="21" t="s">
        <v>114</v>
      </c>
      <c r="J10" t="s">
        <v>18</v>
      </c>
      <c r="K10" t="s">
        <v>7</v>
      </c>
      <c r="L10" s="22" t="s">
        <v>205</v>
      </c>
      <c r="M10" s="21" t="s">
        <v>114</v>
      </c>
      <c r="N10" t="s">
        <v>14</v>
      </c>
      <c r="P10" s="22" t="s">
        <v>234</v>
      </c>
      <c r="Q10" s="21" t="s">
        <v>114</v>
      </c>
      <c r="R10" t="s">
        <v>18</v>
      </c>
      <c r="S10" s="18"/>
      <c r="T10" s="22" t="s">
        <v>261</v>
      </c>
      <c r="U10" t="s">
        <v>18</v>
      </c>
      <c r="W10" t="s">
        <v>14</v>
      </c>
      <c r="AC10" t="s">
        <v>14</v>
      </c>
    </row>
    <row r="11" spans="1:29" x14ac:dyDescent="0.2">
      <c r="A11" s="21" t="s">
        <v>115</v>
      </c>
      <c r="B11" t="s">
        <v>19</v>
      </c>
      <c r="D11" s="22" t="s">
        <v>144</v>
      </c>
      <c r="E11" s="21" t="s">
        <v>115</v>
      </c>
      <c r="F11" t="s">
        <v>19</v>
      </c>
      <c r="H11" s="22" t="s">
        <v>173</v>
      </c>
      <c r="I11" s="21" t="s">
        <v>115</v>
      </c>
      <c r="J11" t="s">
        <v>19</v>
      </c>
      <c r="K11" t="s">
        <v>5</v>
      </c>
      <c r="L11" s="22" t="s">
        <v>206</v>
      </c>
      <c r="M11" s="21" t="s">
        <v>115</v>
      </c>
      <c r="N11" t="s">
        <v>19</v>
      </c>
      <c r="P11" s="22" t="s">
        <v>235</v>
      </c>
      <c r="Q11" s="21" t="s">
        <v>115</v>
      </c>
      <c r="R11" t="s">
        <v>19</v>
      </c>
      <c r="T11" s="22" t="s">
        <v>262</v>
      </c>
      <c r="U11" t="s">
        <v>19</v>
      </c>
      <c r="W11" t="s">
        <v>19</v>
      </c>
      <c r="AC11" t="s">
        <v>19</v>
      </c>
    </row>
    <row r="12" spans="1:29" x14ac:dyDescent="0.2">
      <c r="A12" s="21" t="s">
        <v>116</v>
      </c>
      <c r="B12" t="s">
        <v>14</v>
      </c>
      <c r="D12" s="22" t="s">
        <v>146</v>
      </c>
      <c r="E12" s="21" t="s">
        <v>116</v>
      </c>
      <c r="F12" t="s">
        <v>18</v>
      </c>
      <c r="G12" s="18" t="s">
        <v>11</v>
      </c>
      <c r="H12" s="22" t="s">
        <v>174</v>
      </c>
      <c r="I12" s="21" t="s">
        <v>116</v>
      </c>
      <c r="J12" t="s">
        <v>14</v>
      </c>
      <c r="K12" t="s">
        <v>6</v>
      </c>
      <c r="L12" s="22" t="s">
        <v>207</v>
      </c>
      <c r="M12" s="21" t="s">
        <v>116</v>
      </c>
      <c r="N12" t="s">
        <v>18</v>
      </c>
      <c r="P12" s="22" t="s">
        <v>236</v>
      </c>
      <c r="Q12" s="21" t="s">
        <v>116</v>
      </c>
      <c r="R12" t="s">
        <v>14</v>
      </c>
      <c r="T12" s="22" t="s">
        <v>263</v>
      </c>
      <c r="U12" t="s">
        <v>14</v>
      </c>
      <c r="W12" t="s">
        <v>18</v>
      </c>
      <c r="AC12" t="s">
        <v>18</v>
      </c>
    </row>
    <row r="13" spans="1:29" x14ac:dyDescent="0.2">
      <c r="A13" s="21" t="s">
        <v>117</v>
      </c>
      <c r="B13" t="s">
        <v>145</v>
      </c>
      <c r="C13" t="s">
        <v>45</v>
      </c>
      <c r="D13" s="22" t="s">
        <v>147</v>
      </c>
      <c r="E13" s="21" t="s">
        <v>117</v>
      </c>
      <c r="F13" t="s">
        <v>39</v>
      </c>
      <c r="H13" s="22" t="s">
        <v>175</v>
      </c>
      <c r="I13" s="21" t="s">
        <v>117</v>
      </c>
      <c r="J13" t="s">
        <v>145</v>
      </c>
      <c r="K13" t="s">
        <v>4</v>
      </c>
      <c r="L13" s="22" t="s">
        <v>208</v>
      </c>
      <c r="M13" s="21" t="s">
        <v>117</v>
      </c>
      <c r="N13" t="s">
        <v>39</v>
      </c>
      <c r="P13" s="22" t="s">
        <v>237</v>
      </c>
      <c r="Q13" s="21" t="s">
        <v>117</v>
      </c>
      <c r="R13" t="s">
        <v>5</v>
      </c>
      <c r="T13" s="22" t="s">
        <v>264</v>
      </c>
      <c r="U13" t="s">
        <v>5</v>
      </c>
      <c r="W13" t="s">
        <v>39</v>
      </c>
      <c r="AC13" t="s">
        <v>39</v>
      </c>
    </row>
    <row r="14" spans="1:29" x14ac:dyDescent="0.2">
      <c r="A14" s="21" t="s">
        <v>118</v>
      </c>
      <c r="B14" t="s">
        <v>11</v>
      </c>
      <c r="D14" s="22" t="s">
        <v>148</v>
      </c>
      <c r="E14" s="21" t="s">
        <v>118</v>
      </c>
      <c r="F14" t="s">
        <v>11</v>
      </c>
      <c r="H14" s="22" t="s">
        <v>176</v>
      </c>
      <c r="I14" s="21" t="s">
        <v>118</v>
      </c>
      <c r="J14" t="s">
        <v>203</v>
      </c>
      <c r="K14" s="18" t="s">
        <v>50</v>
      </c>
      <c r="L14" s="22" t="s">
        <v>209</v>
      </c>
      <c r="M14" s="21" t="s">
        <v>118</v>
      </c>
      <c r="N14" t="s">
        <v>11</v>
      </c>
      <c r="O14" s="18" t="s">
        <v>7</v>
      </c>
      <c r="P14" s="22" t="s">
        <v>238</v>
      </c>
      <c r="Q14" s="21" t="s">
        <v>118</v>
      </c>
      <c r="R14" t="s">
        <v>11</v>
      </c>
      <c r="S14" t="s">
        <v>21</v>
      </c>
      <c r="T14" s="22" t="s">
        <v>265</v>
      </c>
      <c r="U14" t="s">
        <v>11</v>
      </c>
      <c r="W14" t="s">
        <v>11</v>
      </c>
      <c r="AC14" t="s">
        <v>11</v>
      </c>
    </row>
    <row r="15" spans="1:29" x14ac:dyDescent="0.2">
      <c r="A15" s="21" t="s">
        <v>119</v>
      </c>
      <c r="C15" t="s">
        <v>51</v>
      </c>
      <c r="D15" s="22" t="s">
        <v>149</v>
      </c>
      <c r="E15" s="21" t="s">
        <v>119</v>
      </c>
      <c r="F15" t="s">
        <v>41</v>
      </c>
      <c r="H15" s="22" t="s">
        <v>178</v>
      </c>
      <c r="I15" s="21" t="s">
        <v>119</v>
      </c>
      <c r="K15" t="s">
        <v>17</v>
      </c>
      <c r="L15" s="22" t="s">
        <v>210</v>
      </c>
      <c r="M15" s="21" t="s">
        <v>119</v>
      </c>
      <c r="N15" t="s">
        <v>41</v>
      </c>
      <c r="O15" s="18" t="s">
        <v>4</v>
      </c>
      <c r="P15" s="22" t="s">
        <v>239</v>
      </c>
      <c r="Q15" s="21" t="s">
        <v>119</v>
      </c>
      <c r="S15" t="s">
        <v>17</v>
      </c>
      <c r="T15" s="22" t="s">
        <v>266</v>
      </c>
      <c r="U15" t="s">
        <v>25</v>
      </c>
      <c r="W15" t="s">
        <v>41</v>
      </c>
      <c r="AC15" t="s">
        <v>41</v>
      </c>
    </row>
    <row r="16" spans="1:29" x14ac:dyDescent="0.2">
      <c r="A16" s="21" t="s">
        <v>120</v>
      </c>
      <c r="B16" t="s">
        <v>41</v>
      </c>
      <c r="C16" t="s">
        <v>5</v>
      </c>
      <c r="D16" s="22" t="s">
        <v>150</v>
      </c>
      <c r="E16" s="21" t="s">
        <v>120</v>
      </c>
      <c r="F16"/>
      <c r="G16" t="s">
        <v>17</v>
      </c>
      <c r="H16" s="22" t="s">
        <v>177</v>
      </c>
      <c r="I16" s="21" t="s">
        <v>120</v>
      </c>
      <c r="J16" t="s">
        <v>41</v>
      </c>
      <c r="K16" t="s">
        <v>42</v>
      </c>
      <c r="L16" s="22" t="s">
        <v>211</v>
      </c>
      <c r="M16" s="21" t="s">
        <v>120</v>
      </c>
      <c r="N16" s="6" t="s">
        <v>53</v>
      </c>
      <c r="O16" s="18" t="s">
        <v>9</v>
      </c>
      <c r="P16" s="22" t="s">
        <v>240</v>
      </c>
      <c r="Q16" s="21" t="s">
        <v>120</v>
      </c>
      <c r="R16" t="s">
        <v>41</v>
      </c>
      <c r="T16" s="22" t="s">
        <v>267</v>
      </c>
      <c r="U16" t="s">
        <v>41</v>
      </c>
      <c r="W16" t="s">
        <v>25</v>
      </c>
      <c r="AC16" t="s">
        <v>25</v>
      </c>
    </row>
    <row r="17" spans="1:29" x14ac:dyDescent="0.2">
      <c r="A17" s="21" t="s">
        <v>122</v>
      </c>
      <c r="B17" t="s">
        <v>42</v>
      </c>
      <c r="D17" s="22" t="s">
        <v>151</v>
      </c>
      <c r="E17" s="21" t="s">
        <v>122</v>
      </c>
      <c r="F17" t="s">
        <v>20</v>
      </c>
      <c r="H17" s="22" t="s">
        <v>179</v>
      </c>
      <c r="I17" s="21" t="s">
        <v>122</v>
      </c>
      <c r="J17" t="s">
        <v>42</v>
      </c>
      <c r="L17" s="22" t="s">
        <v>213</v>
      </c>
      <c r="M17" s="21" t="s">
        <v>122</v>
      </c>
      <c r="N17" t="s">
        <v>20</v>
      </c>
      <c r="P17" s="22" t="s">
        <v>241</v>
      </c>
      <c r="Q17" s="21" t="s">
        <v>122</v>
      </c>
      <c r="R17" t="s">
        <v>42</v>
      </c>
      <c r="T17" s="22" t="s">
        <v>268</v>
      </c>
      <c r="U17" t="s">
        <v>42</v>
      </c>
      <c r="W17" t="s">
        <v>20</v>
      </c>
      <c r="AC17" t="s">
        <v>20</v>
      </c>
    </row>
    <row r="18" spans="1:29" x14ac:dyDescent="0.2">
      <c r="A18" s="21" t="s">
        <v>123</v>
      </c>
      <c r="C18" t="s">
        <v>51</v>
      </c>
      <c r="D18" s="22" t="s">
        <v>152</v>
      </c>
      <c r="E18" s="21" t="s">
        <v>123</v>
      </c>
      <c r="F18" s="18" t="s">
        <v>180</v>
      </c>
      <c r="G18" s="18" t="s">
        <v>7</v>
      </c>
      <c r="H18" s="22" t="s">
        <v>182</v>
      </c>
      <c r="I18" s="21" t="s">
        <v>123</v>
      </c>
      <c r="K18" t="s">
        <v>51</v>
      </c>
      <c r="L18" s="22" t="s">
        <v>212</v>
      </c>
      <c r="M18" s="21" t="s">
        <v>123</v>
      </c>
      <c r="O18" t="s">
        <v>51</v>
      </c>
      <c r="P18" s="22" t="s">
        <v>242</v>
      </c>
      <c r="Q18" s="21" t="s">
        <v>123</v>
      </c>
      <c r="R18" s="6" t="s">
        <v>53</v>
      </c>
      <c r="S18" s="18" t="s">
        <v>9</v>
      </c>
      <c r="T18" s="22" t="s">
        <v>269</v>
      </c>
      <c r="U18" t="s">
        <v>51</v>
      </c>
      <c r="W18" t="s">
        <v>17</v>
      </c>
      <c r="AC18" t="s">
        <v>17</v>
      </c>
    </row>
    <row r="19" spans="1:29" x14ac:dyDescent="0.2">
      <c r="A19" s="21" t="s">
        <v>124</v>
      </c>
      <c r="B19" t="s">
        <v>15</v>
      </c>
      <c r="C19" t="s">
        <v>5</v>
      </c>
      <c r="D19" s="22" t="s">
        <v>153</v>
      </c>
      <c r="E19" s="21" t="s">
        <v>124</v>
      </c>
      <c r="F19" t="s">
        <v>15</v>
      </c>
      <c r="H19" s="22" t="s">
        <v>183</v>
      </c>
      <c r="I19" s="21" t="s">
        <v>124</v>
      </c>
      <c r="J19" t="s">
        <v>15</v>
      </c>
      <c r="K19" s="18" t="s">
        <v>51</v>
      </c>
      <c r="L19" s="22" t="s">
        <v>214</v>
      </c>
      <c r="M19" s="21" t="s">
        <v>124</v>
      </c>
      <c r="N19" t="s">
        <v>15</v>
      </c>
      <c r="P19" s="22" t="s">
        <v>243</v>
      </c>
      <c r="Q19" s="21" t="s">
        <v>124</v>
      </c>
      <c r="R19" t="s">
        <v>15</v>
      </c>
      <c r="S19" s="18" t="s">
        <v>42</v>
      </c>
      <c r="T19" s="22" t="s">
        <v>270</v>
      </c>
      <c r="U19" t="s">
        <v>15</v>
      </c>
      <c r="W19" t="s">
        <v>15</v>
      </c>
      <c r="AC19" t="s">
        <v>15</v>
      </c>
    </row>
    <row r="20" spans="1:29" x14ac:dyDescent="0.2">
      <c r="A20" s="21" t="s">
        <v>125</v>
      </c>
      <c r="B20" t="s">
        <v>52</v>
      </c>
      <c r="C20" t="s">
        <v>110</v>
      </c>
      <c r="D20" s="22" t="s">
        <v>154</v>
      </c>
      <c r="E20" s="21" t="s">
        <v>125</v>
      </c>
      <c r="F20" t="s">
        <v>53</v>
      </c>
      <c r="G20" t="s">
        <v>8</v>
      </c>
      <c r="H20" s="22" t="s">
        <v>184</v>
      </c>
      <c r="I20" s="21" t="s">
        <v>125</v>
      </c>
      <c r="K20" t="s">
        <v>51</v>
      </c>
      <c r="L20" s="22" t="s">
        <v>215</v>
      </c>
      <c r="M20" s="21" t="s">
        <v>125</v>
      </c>
      <c r="O20" t="s">
        <v>51</v>
      </c>
      <c r="P20" s="22" t="s">
        <v>244</v>
      </c>
      <c r="Q20" s="21" t="s">
        <v>125</v>
      </c>
      <c r="R20" s="18" t="s">
        <v>271</v>
      </c>
      <c r="S20" s="18" t="s">
        <v>4</v>
      </c>
      <c r="T20" s="22" t="s">
        <v>272</v>
      </c>
      <c r="U20" t="s">
        <v>17</v>
      </c>
      <c r="W20" t="s">
        <v>26</v>
      </c>
      <c r="AC20" t="s">
        <v>26</v>
      </c>
    </row>
    <row r="21" spans="1:29" x14ac:dyDescent="0.2">
      <c r="A21" s="21" t="s">
        <v>126</v>
      </c>
      <c r="B21" t="s">
        <v>20</v>
      </c>
      <c r="D21" s="22" t="s">
        <v>155</v>
      </c>
      <c r="E21" s="21" t="s">
        <v>126</v>
      </c>
      <c r="F21" t="s">
        <v>199</v>
      </c>
      <c r="G21" t="s">
        <v>53</v>
      </c>
      <c r="H21" s="22" t="s">
        <v>185</v>
      </c>
      <c r="I21" s="21" t="s">
        <v>126</v>
      </c>
      <c r="J21" t="s">
        <v>20</v>
      </c>
      <c r="L21" s="22" t="s">
        <v>216</v>
      </c>
      <c r="M21" s="21" t="s">
        <v>126</v>
      </c>
      <c r="N21" t="s">
        <v>42</v>
      </c>
      <c r="O21" t="s">
        <v>15</v>
      </c>
      <c r="P21" s="22" t="s">
        <v>245</v>
      </c>
      <c r="Q21" s="21" t="s">
        <v>126</v>
      </c>
      <c r="R21" t="s">
        <v>20</v>
      </c>
      <c r="T21" s="22" t="s">
        <v>273</v>
      </c>
      <c r="U21" t="s">
        <v>20</v>
      </c>
      <c r="W21" t="s">
        <v>42</v>
      </c>
      <c r="AC21" t="s">
        <v>42</v>
      </c>
    </row>
    <row r="22" spans="1:29" x14ac:dyDescent="0.2">
      <c r="A22" s="21" t="s">
        <v>127</v>
      </c>
      <c r="B22" t="s">
        <v>24</v>
      </c>
      <c r="D22" s="22" t="s">
        <v>156</v>
      </c>
      <c r="E22" s="21" t="s">
        <v>127</v>
      </c>
      <c r="F22" t="s">
        <v>9</v>
      </c>
      <c r="H22" s="22" t="s">
        <v>186</v>
      </c>
      <c r="I22" s="21" t="s">
        <v>127</v>
      </c>
      <c r="J22" t="s">
        <v>24</v>
      </c>
      <c r="L22" s="22" t="s">
        <v>217</v>
      </c>
      <c r="M22" s="21" t="s">
        <v>127</v>
      </c>
      <c r="N22" t="s">
        <v>9</v>
      </c>
      <c r="P22" s="22" t="s">
        <v>246</v>
      </c>
      <c r="Q22" s="21" t="s">
        <v>127</v>
      </c>
      <c r="R22" t="s">
        <v>24</v>
      </c>
      <c r="T22" s="22" t="s">
        <v>274</v>
      </c>
      <c r="U22" t="s">
        <v>24</v>
      </c>
      <c r="W22" t="s">
        <v>9</v>
      </c>
      <c r="AC22" t="s">
        <v>9</v>
      </c>
    </row>
    <row r="23" spans="1:29" x14ac:dyDescent="0.2">
      <c r="A23" s="21" t="s">
        <v>128</v>
      </c>
      <c r="B23" t="s">
        <v>21</v>
      </c>
      <c r="D23" s="22" t="s">
        <v>157</v>
      </c>
      <c r="E23" s="21" t="s">
        <v>128</v>
      </c>
      <c r="F23" t="s">
        <v>21</v>
      </c>
      <c r="H23" s="22" t="s">
        <v>187</v>
      </c>
      <c r="I23" s="21" t="s">
        <v>128</v>
      </c>
      <c r="J23" t="s">
        <v>21</v>
      </c>
      <c r="L23" s="22" t="s">
        <v>218</v>
      </c>
      <c r="M23" s="21" t="s">
        <v>128</v>
      </c>
      <c r="N23" t="s">
        <v>21</v>
      </c>
      <c r="P23" s="22" t="s">
        <v>247</v>
      </c>
      <c r="Q23" s="21" t="s">
        <v>128</v>
      </c>
      <c r="R23" t="s">
        <v>21</v>
      </c>
      <c r="T23" s="22" t="s">
        <v>275</v>
      </c>
      <c r="U23" t="s">
        <v>21</v>
      </c>
      <c r="W23" t="s">
        <v>21</v>
      </c>
      <c r="AC23" t="s">
        <v>21</v>
      </c>
    </row>
    <row r="24" spans="1:29" x14ac:dyDescent="0.2">
      <c r="A24" s="21" t="s">
        <v>121</v>
      </c>
      <c r="B24" t="s">
        <v>9</v>
      </c>
      <c r="C24" t="s">
        <v>52</v>
      </c>
      <c r="D24" s="22" t="s">
        <v>158</v>
      </c>
      <c r="E24" s="21" t="s">
        <v>121</v>
      </c>
      <c r="F24" t="s">
        <v>24</v>
      </c>
      <c r="G24" s="18" t="s">
        <v>8</v>
      </c>
      <c r="H24" s="22" t="s">
        <v>188</v>
      </c>
      <c r="I24" s="21" t="s">
        <v>121</v>
      </c>
      <c r="J24" t="s">
        <v>9</v>
      </c>
      <c r="L24" s="22" t="s">
        <v>219</v>
      </c>
      <c r="M24" s="21" t="s">
        <v>121</v>
      </c>
      <c r="N24" t="s">
        <v>24</v>
      </c>
      <c r="P24" s="22" t="s">
        <v>248</v>
      </c>
      <c r="Q24" s="21" t="s">
        <v>121</v>
      </c>
      <c r="R24" t="s">
        <v>9</v>
      </c>
      <c r="S24" s="18" t="s">
        <v>4</v>
      </c>
      <c r="T24" s="22" t="s">
        <v>276</v>
      </c>
      <c r="U24" t="s">
        <v>9</v>
      </c>
      <c r="W24" t="s">
        <v>24</v>
      </c>
      <c r="AC24" t="s">
        <v>24</v>
      </c>
    </row>
    <row r="25" spans="1:29" x14ac:dyDescent="0.2">
      <c r="A25" s="21" t="s">
        <v>129</v>
      </c>
      <c r="B25" t="s">
        <v>4</v>
      </c>
      <c r="D25" s="22" t="s">
        <v>159</v>
      </c>
      <c r="E25" s="21" t="s">
        <v>129</v>
      </c>
      <c r="F25" s="18" t="s">
        <v>181</v>
      </c>
      <c r="G25" s="18" t="s">
        <v>6</v>
      </c>
      <c r="H25" s="22" t="s">
        <v>189</v>
      </c>
      <c r="I25" s="21" t="s">
        <v>129</v>
      </c>
      <c r="J25" t="s">
        <v>4</v>
      </c>
      <c r="L25" s="22" t="s">
        <v>220</v>
      </c>
      <c r="M25" s="21" t="s">
        <v>129</v>
      </c>
      <c r="N25" t="s">
        <v>36</v>
      </c>
      <c r="P25" s="22" t="s">
        <v>249</v>
      </c>
      <c r="Q25" s="21" t="s">
        <v>129</v>
      </c>
      <c r="R25" t="s">
        <v>4</v>
      </c>
      <c r="T25" s="22" t="s">
        <v>277</v>
      </c>
      <c r="U25" t="s">
        <v>4</v>
      </c>
      <c r="W25" t="s">
        <v>36</v>
      </c>
      <c r="AC25" t="s">
        <v>36</v>
      </c>
    </row>
    <row r="26" spans="1:29" x14ac:dyDescent="0.2">
      <c r="A26" s="21" t="s">
        <v>130</v>
      </c>
      <c r="B26" t="s">
        <v>10</v>
      </c>
      <c r="D26" s="22" t="s">
        <v>160</v>
      </c>
      <c r="E26" s="21" t="s">
        <v>130</v>
      </c>
      <c r="F26" t="s">
        <v>10</v>
      </c>
      <c r="H26" s="22" t="s">
        <v>190</v>
      </c>
      <c r="I26" s="21" t="s">
        <v>130</v>
      </c>
      <c r="J26" t="s">
        <v>10</v>
      </c>
      <c r="K26" t="s">
        <v>25</v>
      </c>
      <c r="L26" s="22" t="s">
        <v>221</v>
      </c>
      <c r="M26" s="21" t="s">
        <v>130</v>
      </c>
      <c r="N26" t="s">
        <v>10</v>
      </c>
      <c r="P26" s="22" t="s">
        <v>250</v>
      </c>
      <c r="Q26" s="21" t="s">
        <v>130</v>
      </c>
      <c r="R26" t="s">
        <v>10</v>
      </c>
      <c r="S26" s="18" t="s">
        <v>53</v>
      </c>
      <c r="T26" s="22" t="s">
        <v>278</v>
      </c>
      <c r="U26" t="s">
        <v>10</v>
      </c>
      <c r="W26" t="s">
        <v>10</v>
      </c>
      <c r="AC26" t="s">
        <v>10</v>
      </c>
    </row>
    <row r="27" spans="1:29" x14ac:dyDescent="0.2">
      <c r="A27" s="21" t="s">
        <v>131</v>
      </c>
      <c r="B27" t="s">
        <v>36</v>
      </c>
      <c r="C27" t="s">
        <v>7</v>
      </c>
      <c r="D27" s="22" t="s">
        <v>161</v>
      </c>
      <c r="E27" s="21" t="s">
        <v>131</v>
      </c>
      <c r="F27" t="s">
        <v>4</v>
      </c>
      <c r="H27" s="22" t="s">
        <v>191</v>
      </c>
      <c r="I27" s="21" t="s">
        <v>131</v>
      </c>
      <c r="J27" t="s">
        <v>36</v>
      </c>
      <c r="L27" s="22" t="s">
        <v>222</v>
      </c>
      <c r="M27" s="21" t="s">
        <v>131</v>
      </c>
      <c r="N27" t="s">
        <v>4</v>
      </c>
      <c r="O27" t="s">
        <v>14</v>
      </c>
      <c r="P27" s="22" t="s">
        <v>251</v>
      </c>
      <c r="Q27" s="21" t="s">
        <v>131</v>
      </c>
      <c r="R27" t="s">
        <v>36</v>
      </c>
      <c r="T27" s="22" t="s">
        <v>279</v>
      </c>
      <c r="U27" t="s">
        <v>36</v>
      </c>
      <c r="W27" t="s">
        <v>4</v>
      </c>
      <c r="AC27" t="s">
        <v>4</v>
      </c>
    </row>
    <row r="28" spans="1:29" x14ac:dyDescent="0.2">
      <c r="A28" s="21" t="s">
        <v>132</v>
      </c>
      <c r="B28" t="s">
        <v>140</v>
      </c>
      <c r="C28" t="s">
        <v>41</v>
      </c>
      <c r="D28" s="22" t="s">
        <v>162</v>
      </c>
      <c r="E28" s="21" t="s">
        <v>132</v>
      </c>
      <c r="F28" t="s">
        <v>8</v>
      </c>
      <c r="G28" s="18" t="s">
        <v>24</v>
      </c>
      <c r="H28" s="22" t="s">
        <v>192</v>
      </c>
      <c r="I28" s="21" t="s">
        <v>132</v>
      </c>
      <c r="J28" s="22" t="s">
        <v>53</v>
      </c>
      <c r="K28" t="s">
        <v>24</v>
      </c>
      <c r="L28" s="22" t="s">
        <v>223</v>
      </c>
      <c r="M28" s="21" t="s">
        <v>132</v>
      </c>
      <c r="N28" s="18" t="s">
        <v>231</v>
      </c>
      <c r="O28" s="18" t="s">
        <v>53</v>
      </c>
      <c r="P28" s="22" t="s">
        <v>338</v>
      </c>
      <c r="Q28" s="21" t="s">
        <v>132</v>
      </c>
      <c r="R28" t="s">
        <v>43</v>
      </c>
      <c r="S28" t="s">
        <v>50</v>
      </c>
      <c r="T28" s="22" t="s">
        <v>280</v>
      </c>
      <c r="U28" t="s">
        <v>43</v>
      </c>
      <c r="W28" t="s">
        <v>8</v>
      </c>
      <c r="AC28" t="s">
        <v>8</v>
      </c>
    </row>
    <row r="29" spans="1:29" x14ac:dyDescent="0.2">
      <c r="A29" s="21" t="s">
        <v>133</v>
      </c>
      <c r="B29" t="s">
        <v>8</v>
      </c>
      <c r="D29" s="22" t="s">
        <v>163</v>
      </c>
      <c r="E29" s="21" t="s">
        <v>133</v>
      </c>
      <c r="F29"/>
      <c r="G29" t="s">
        <v>17</v>
      </c>
      <c r="H29" s="22" t="s">
        <v>193</v>
      </c>
      <c r="I29" s="21" t="s">
        <v>133</v>
      </c>
      <c r="J29" t="s">
        <v>202</v>
      </c>
      <c r="K29" t="s">
        <v>5</v>
      </c>
      <c r="L29" s="22" t="s">
        <v>224</v>
      </c>
      <c r="M29" s="21" t="s">
        <v>133</v>
      </c>
      <c r="N29" t="s">
        <v>140</v>
      </c>
      <c r="O29" t="s">
        <v>6</v>
      </c>
      <c r="P29" s="22" t="s">
        <v>252</v>
      </c>
      <c r="Q29" s="21" t="s">
        <v>133</v>
      </c>
      <c r="R29" t="s">
        <v>8</v>
      </c>
      <c r="T29" s="22" t="s">
        <v>281</v>
      </c>
      <c r="U29" t="s">
        <v>8</v>
      </c>
      <c r="W29" t="s">
        <v>43</v>
      </c>
      <c r="AC29" t="s">
        <v>43</v>
      </c>
    </row>
    <row r="30" spans="1:29" x14ac:dyDescent="0.2">
      <c r="A30" s="21" t="s">
        <v>134</v>
      </c>
      <c r="B30" t="s">
        <v>23</v>
      </c>
      <c r="D30" s="22" t="s">
        <v>164</v>
      </c>
      <c r="E30" s="21" t="s">
        <v>134</v>
      </c>
      <c r="F30" t="s">
        <v>23</v>
      </c>
      <c r="H30" s="22" t="s">
        <v>194</v>
      </c>
      <c r="I30" s="21" t="s">
        <v>134</v>
      </c>
      <c r="J30" t="s">
        <v>23</v>
      </c>
      <c r="L30" s="22" t="s">
        <v>229</v>
      </c>
      <c r="M30" s="21" t="s">
        <v>134</v>
      </c>
      <c r="N30" t="s">
        <v>23</v>
      </c>
      <c r="P30" s="22" t="s">
        <v>255</v>
      </c>
      <c r="Q30" s="21" t="s">
        <v>134</v>
      </c>
      <c r="R30" t="s">
        <v>23</v>
      </c>
      <c r="T30" s="22" t="s">
        <v>282</v>
      </c>
      <c r="U30" t="s">
        <v>23</v>
      </c>
      <c r="W30" t="s">
        <v>23</v>
      </c>
      <c r="AC30" t="s">
        <v>23</v>
      </c>
    </row>
    <row r="31" spans="1:29" x14ac:dyDescent="0.2">
      <c r="A31" s="21" t="s">
        <v>135</v>
      </c>
      <c r="B31" t="s">
        <v>45</v>
      </c>
      <c r="C31" t="s">
        <v>15</v>
      </c>
      <c r="D31" s="22" t="s">
        <v>165</v>
      </c>
      <c r="E31" s="21" t="s">
        <v>135</v>
      </c>
      <c r="F31" t="s">
        <v>45</v>
      </c>
      <c r="H31" s="22" t="s">
        <v>195</v>
      </c>
      <c r="I31" s="21" t="s">
        <v>135</v>
      </c>
      <c r="J31" t="s">
        <v>45</v>
      </c>
      <c r="L31" s="22" t="s">
        <v>225</v>
      </c>
      <c r="M31" s="21" t="s">
        <v>135</v>
      </c>
      <c r="N31" t="s">
        <v>45</v>
      </c>
      <c r="P31" s="22" t="s">
        <v>253</v>
      </c>
      <c r="Q31" s="21" t="s">
        <v>135</v>
      </c>
      <c r="R31" t="s">
        <v>45</v>
      </c>
      <c r="T31" s="22" t="s">
        <v>283</v>
      </c>
      <c r="U31" t="s">
        <v>45</v>
      </c>
      <c r="W31" t="s">
        <v>45</v>
      </c>
      <c r="AC31" t="s">
        <v>45</v>
      </c>
    </row>
    <row r="32" spans="1:29" x14ac:dyDescent="0.2">
      <c r="A32" s="21" t="s">
        <v>136</v>
      </c>
      <c r="B32" t="s">
        <v>50</v>
      </c>
      <c r="D32" s="22" t="s">
        <v>166</v>
      </c>
      <c r="E32" s="21" t="s">
        <v>136</v>
      </c>
      <c r="F32" t="s">
        <v>111</v>
      </c>
      <c r="G32" t="s">
        <v>41</v>
      </c>
      <c r="H32" s="22" t="s">
        <v>196</v>
      </c>
      <c r="I32" s="21" t="s">
        <v>136</v>
      </c>
      <c r="J32" t="s">
        <v>50</v>
      </c>
      <c r="K32" t="s">
        <v>7</v>
      </c>
      <c r="L32" s="22" t="s">
        <v>226</v>
      </c>
      <c r="M32" s="21" t="s">
        <v>136</v>
      </c>
      <c r="N32" t="s">
        <v>6</v>
      </c>
      <c r="O32" t="s">
        <v>7</v>
      </c>
      <c r="P32" s="22" t="s">
        <v>256</v>
      </c>
      <c r="Q32" s="21" t="s">
        <v>136</v>
      </c>
      <c r="R32" t="s">
        <v>50</v>
      </c>
      <c r="S32" t="s">
        <v>25</v>
      </c>
      <c r="T32" s="22" t="s">
        <v>284</v>
      </c>
      <c r="U32" t="s">
        <v>50</v>
      </c>
      <c r="W32" t="s">
        <v>6</v>
      </c>
      <c r="AC32" t="s">
        <v>6</v>
      </c>
    </row>
    <row r="33" spans="1:29" x14ac:dyDescent="0.2">
      <c r="A33" s="21" t="s">
        <v>137</v>
      </c>
      <c r="B33" t="s">
        <v>111</v>
      </c>
      <c r="C33" t="s">
        <v>15</v>
      </c>
      <c r="D33" s="22" t="s">
        <v>167</v>
      </c>
      <c r="E33" s="21" t="s">
        <v>137</v>
      </c>
      <c r="F33" t="s">
        <v>50</v>
      </c>
      <c r="H33" s="22" t="s">
        <v>197</v>
      </c>
      <c r="I33" s="21" t="s">
        <v>137</v>
      </c>
      <c r="J33" t="s">
        <v>6</v>
      </c>
      <c r="L33" s="22" t="s">
        <v>227</v>
      </c>
      <c r="M33" s="21" t="s">
        <v>137</v>
      </c>
      <c r="N33" t="s">
        <v>50</v>
      </c>
      <c r="P33" s="22" t="s">
        <v>254</v>
      </c>
      <c r="Q33" s="21" t="s">
        <v>137</v>
      </c>
      <c r="R33" t="s">
        <v>6</v>
      </c>
      <c r="S33" t="s">
        <v>7</v>
      </c>
      <c r="T33" s="22" t="s">
        <v>285</v>
      </c>
      <c r="U33" t="s">
        <v>6</v>
      </c>
      <c r="W33" t="s">
        <v>50</v>
      </c>
      <c r="AC33" t="s">
        <v>50</v>
      </c>
    </row>
    <row r="34" spans="1:29" x14ac:dyDescent="0.2">
      <c r="A34" s="21" t="s">
        <v>138</v>
      </c>
      <c r="B34" t="s">
        <v>25</v>
      </c>
      <c r="D34" s="22" t="s">
        <v>168</v>
      </c>
      <c r="E34" s="21" t="s">
        <v>138</v>
      </c>
      <c r="F34" t="s">
        <v>25</v>
      </c>
      <c r="H34" s="22" t="s">
        <v>198</v>
      </c>
      <c r="I34" s="21" t="s">
        <v>138</v>
      </c>
      <c r="J34" t="s">
        <v>25</v>
      </c>
      <c r="L34" s="22" t="s">
        <v>228</v>
      </c>
      <c r="M34" s="21" t="s">
        <v>138</v>
      </c>
      <c r="N34" t="s">
        <v>25</v>
      </c>
      <c r="P34" s="22" t="s">
        <v>257</v>
      </c>
      <c r="Q34" s="21" t="s">
        <v>138</v>
      </c>
      <c r="R34" t="s">
        <v>25</v>
      </c>
      <c r="S34" t="s">
        <v>22</v>
      </c>
      <c r="T34" s="22" t="s">
        <v>286</v>
      </c>
      <c r="U34" t="s">
        <v>25</v>
      </c>
      <c r="W34" t="s">
        <v>25</v>
      </c>
      <c r="AC34" t="s">
        <v>25</v>
      </c>
    </row>
    <row r="35" spans="1:29" x14ac:dyDescent="0.2">
      <c r="A35" s="21" t="s">
        <v>139</v>
      </c>
      <c r="B35" t="s">
        <v>22</v>
      </c>
      <c r="D35" s="22" t="s">
        <v>169</v>
      </c>
      <c r="E35" s="21" t="s">
        <v>139</v>
      </c>
      <c r="F35" t="s">
        <v>22</v>
      </c>
      <c r="H35" s="22" t="s">
        <v>200</v>
      </c>
      <c r="I35" s="21" t="s">
        <v>139</v>
      </c>
      <c r="J35" t="s">
        <v>22</v>
      </c>
      <c r="L35" s="22" t="s">
        <v>230</v>
      </c>
      <c r="M35" s="21" t="s">
        <v>139</v>
      </c>
      <c r="N35" t="s">
        <v>22</v>
      </c>
      <c r="O35" s="18" t="s">
        <v>4</v>
      </c>
      <c r="P35" s="22" t="s">
        <v>258</v>
      </c>
      <c r="Q35" s="21" t="s">
        <v>139</v>
      </c>
      <c r="R35" t="s">
        <v>22</v>
      </c>
      <c r="T35" s="22" t="s">
        <v>287</v>
      </c>
      <c r="U35" t="s">
        <v>22</v>
      </c>
      <c r="W35" t="s">
        <v>22</v>
      </c>
      <c r="AC35" t="s">
        <v>22</v>
      </c>
    </row>
    <row r="36" spans="1:29" x14ac:dyDescent="0.2">
      <c r="A36" s="4"/>
      <c r="H36" s="3"/>
    </row>
    <row r="37" spans="1:29" x14ac:dyDescent="0.2">
      <c r="A37" s="4"/>
    </row>
    <row r="38" spans="1:29" x14ac:dyDescent="0.2">
      <c r="B38" s="3" t="s">
        <v>16</v>
      </c>
      <c r="E38" s="10" t="s">
        <v>3</v>
      </c>
      <c r="F38" s="10"/>
      <c r="I38" s="3" t="s">
        <v>29</v>
      </c>
      <c r="J38" s="1"/>
      <c r="M38" s="3" t="s">
        <v>30</v>
      </c>
      <c r="Q38" s="3" t="s">
        <v>31</v>
      </c>
      <c r="U38" t="s">
        <v>47</v>
      </c>
      <c r="W38" t="s">
        <v>47</v>
      </c>
    </row>
    <row r="39" spans="1:29" x14ac:dyDescent="0.2">
      <c r="A39" s="11">
        <f>$A$7 +5</f>
        <v>45563</v>
      </c>
      <c r="B39" t="s">
        <v>12</v>
      </c>
      <c r="C39" t="s">
        <v>13</v>
      </c>
      <c r="E39" s="11">
        <f>$A$7 +5</f>
        <v>45563</v>
      </c>
      <c r="F39" t="s">
        <v>12</v>
      </c>
      <c r="G39" t="s">
        <v>13</v>
      </c>
      <c r="I39" s="11">
        <f>$A$7 +6</f>
        <v>45564</v>
      </c>
      <c r="J39" s="3" t="s">
        <v>12</v>
      </c>
      <c r="K39" s="3" t="s">
        <v>13</v>
      </c>
      <c r="M39" s="11">
        <f>$A$7 +6</f>
        <v>45564</v>
      </c>
      <c r="N39" s="3" t="s">
        <v>12</v>
      </c>
      <c r="O39" s="3" t="s">
        <v>13</v>
      </c>
      <c r="Q39" s="11">
        <f>$A$7 +7</f>
        <v>45565</v>
      </c>
      <c r="R39" s="3" t="s">
        <v>12</v>
      </c>
      <c r="S39" s="3" t="s">
        <v>13</v>
      </c>
      <c r="U39" t="s">
        <v>49</v>
      </c>
      <c r="W39" t="s">
        <v>48</v>
      </c>
    </row>
    <row r="40" spans="1:29" x14ac:dyDescent="0.2">
      <c r="A40" s="21" t="s">
        <v>54</v>
      </c>
      <c r="B40" t="s">
        <v>7</v>
      </c>
      <c r="D40" s="22" t="s">
        <v>288</v>
      </c>
      <c r="E40" s="21" t="s">
        <v>82</v>
      </c>
      <c r="F40" t="s">
        <v>7</v>
      </c>
      <c r="H40" s="22" t="s">
        <v>317</v>
      </c>
      <c r="I40" s="21" t="s">
        <v>54</v>
      </c>
      <c r="J40" t="s">
        <v>7</v>
      </c>
      <c r="L40" s="22" t="s">
        <v>346</v>
      </c>
      <c r="M40" s="21" t="s">
        <v>82</v>
      </c>
      <c r="N40" t="s">
        <v>7</v>
      </c>
      <c r="P40" s="22" t="s">
        <v>370</v>
      </c>
      <c r="Q40" s="21" t="s">
        <v>112</v>
      </c>
      <c r="R40" t="s">
        <v>7</v>
      </c>
      <c r="T40" s="22" t="s">
        <v>398</v>
      </c>
      <c r="U40" t="s">
        <v>7</v>
      </c>
      <c r="W40" t="s">
        <v>7</v>
      </c>
    </row>
    <row r="41" spans="1:29" x14ac:dyDescent="0.2">
      <c r="A41" s="21" t="s">
        <v>55</v>
      </c>
      <c r="B41" t="s">
        <v>5</v>
      </c>
      <c r="D41" s="22" t="s">
        <v>289</v>
      </c>
      <c r="E41" s="21" t="s">
        <v>83</v>
      </c>
      <c r="F41" t="s">
        <v>39</v>
      </c>
      <c r="H41" s="22" t="s">
        <v>313</v>
      </c>
      <c r="I41" s="21" t="s">
        <v>55</v>
      </c>
      <c r="J41" t="s">
        <v>5</v>
      </c>
      <c r="K41" s="18" t="s">
        <v>9</v>
      </c>
      <c r="L41" s="22" t="s">
        <v>347</v>
      </c>
      <c r="M41" s="21" t="s">
        <v>83</v>
      </c>
      <c r="N41" t="s">
        <v>39</v>
      </c>
      <c r="P41" s="22" t="s">
        <v>369</v>
      </c>
      <c r="Q41" s="21" t="s">
        <v>113</v>
      </c>
      <c r="R41" t="s">
        <v>5</v>
      </c>
      <c r="T41" s="22" t="s">
        <v>404</v>
      </c>
      <c r="U41" t="s">
        <v>39</v>
      </c>
      <c r="W41" t="s">
        <v>5</v>
      </c>
    </row>
    <row r="42" spans="1:29" x14ac:dyDescent="0.2">
      <c r="A42" s="21" t="s">
        <v>56</v>
      </c>
      <c r="B42" t="s">
        <v>14</v>
      </c>
      <c r="C42" t="s">
        <v>8</v>
      </c>
      <c r="D42" s="22" t="s">
        <v>291</v>
      </c>
      <c r="E42" s="21" t="s">
        <v>84</v>
      </c>
      <c r="F42" t="s">
        <v>18</v>
      </c>
      <c r="G42" t="s">
        <v>50</v>
      </c>
      <c r="H42" s="22" t="s">
        <v>316</v>
      </c>
      <c r="I42" s="21" t="s">
        <v>56</v>
      </c>
      <c r="J42" t="s">
        <v>14</v>
      </c>
      <c r="L42" s="22" t="s">
        <v>348</v>
      </c>
      <c r="M42" s="21" t="s">
        <v>84</v>
      </c>
      <c r="N42" t="s">
        <v>18</v>
      </c>
      <c r="O42" t="s">
        <v>50</v>
      </c>
      <c r="P42" s="22" t="s">
        <v>371</v>
      </c>
      <c r="Q42" s="21" t="s">
        <v>114</v>
      </c>
      <c r="R42" t="s">
        <v>14</v>
      </c>
      <c r="T42" s="22" t="s">
        <v>400</v>
      </c>
      <c r="U42" t="s">
        <v>18</v>
      </c>
      <c r="W42" t="s">
        <v>14</v>
      </c>
    </row>
    <row r="43" spans="1:29" x14ac:dyDescent="0.2">
      <c r="A43" s="21" t="s">
        <v>57</v>
      </c>
      <c r="B43" t="s">
        <v>19</v>
      </c>
      <c r="C43" t="s">
        <v>39</v>
      </c>
      <c r="D43" s="22" t="s">
        <v>290</v>
      </c>
      <c r="E43" s="21" t="s">
        <v>85</v>
      </c>
      <c r="F43" t="s">
        <v>19</v>
      </c>
      <c r="G43" t="s">
        <v>39</v>
      </c>
      <c r="H43" s="22" t="s">
        <v>315</v>
      </c>
      <c r="I43" s="21" t="s">
        <v>57</v>
      </c>
      <c r="J43" t="s">
        <v>19</v>
      </c>
      <c r="L43" s="22" t="s">
        <v>374</v>
      </c>
      <c r="M43" s="21" t="s">
        <v>85</v>
      </c>
      <c r="N43" t="s">
        <v>19</v>
      </c>
      <c r="P43" s="22" t="s">
        <v>387</v>
      </c>
      <c r="Q43" s="21" t="s">
        <v>115</v>
      </c>
      <c r="R43" t="s">
        <v>19</v>
      </c>
      <c r="T43" s="22" t="s">
        <v>405</v>
      </c>
      <c r="U43" t="s">
        <v>19</v>
      </c>
      <c r="W43" t="s">
        <v>19</v>
      </c>
    </row>
    <row r="44" spans="1:29" x14ac:dyDescent="0.2">
      <c r="A44" s="21" t="s">
        <v>58</v>
      </c>
      <c r="B44" t="s">
        <v>18</v>
      </c>
      <c r="D44" s="22" t="s">
        <v>292</v>
      </c>
      <c r="E44" s="21" t="s">
        <v>86</v>
      </c>
      <c r="F44" t="s">
        <v>14</v>
      </c>
      <c r="H44" s="22" t="s">
        <v>318</v>
      </c>
      <c r="I44" s="21" t="s">
        <v>58</v>
      </c>
      <c r="J44" t="s">
        <v>18</v>
      </c>
      <c r="K44" t="s">
        <v>50</v>
      </c>
      <c r="L44" s="22" t="s">
        <v>349</v>
      </c>
      <c r="M44" s="21" t="s">
        <v>86</v>
      </c>
      <c r="N44" t="s">
        <v>14</v>
      </c>
      <c r="O44" t="s">
        <v>8</v>
      </c>
      <c r="P44" s="22" t="s">
        <v>372</v>
      </c>
      <c r="Q44" s="21" t="s">
        <v>116</v>
      </c>
      <c r="R44" t="s">
        <v>18</v>
      </c>
      <c r="S44" t="s">
        <v>50</v>
      </c>
      <c r="T44" s="22" t="s">
        <v>406</v>
      </c>
      <c r="U44" t="s">
        <v>14</v>
      </c>
      <c r="W44" t="s">
        <v>18</v>
      </c>
    </row>
    <row r="45" spans="1:29" x14ac:dyDescent="0.2">
      <c r="A45" s="21" t="s">
        <v>59</v>
      </c>
      <c r="B45" t="s">
        <v>39</v>
      </c>
      <c r="D45" s="22" t="s">
        <v>293</v>
      </c>
      <c r="E45" s="21" t="s">
        <v>87</v>
      </c>
      <c r="F45" t="s">
        <v>5</v>
      </c>
      <c r="H45" s="22" t="s">
        <v>319</v>
      </c>
      <c r="I45" s="21" t="s">
        <v>59</v>
      </c>
      <c r="J45" t="s">
        <v>39</v>
      </c>
      <c r="L45" s="22" t="s">
        <v>350</v>
      </c>
      <c r="M45" s="21" t="s">
        <v>87</v>
      </c>
      <c r="N45" t="s">
        <v>5</v>
      </c>
      <c r="P45" s="22" t="s">
        <v>382</v>
      </c>
      <c r="Q45" s="21" t="s">
        <v>117</v>
      </c>
      <c r="R45" t="s">
        <v>39</v>
      </c>
      <c r="T45" s="22" t="s">
        <v>407</v>
      </c>
      <c r="U45" t="s">
        <v>5</v>
      </c>
      <c r="W45" t="s">
        <v>39</v>
      </c>
    </row>
    <row r="46" spans="1:29" x14ac:dyDescent="0.2">
      <c r="A46" s="21" t="s">
        <v>60</v>
      </c>
      <c r="B46" t="s">
        <v>11</v>
      </c>
      <c r="C46" t="s">
        <v>14</v>
      </c>
      <c r="D46" s="22" t="s">
        <v>294</v>
      </c>
      <c r="E46" s="21" t="s">
        <v>88</v>
      </c>
      <c r="F46" t="s">
        <v>11</v>
      </c>
      <c r="G46" t="s">
        <v>21</v>
      </c>
      <c r="H46" s="22" t="s">
        <v>320</v>
      </c>
      <c r="I46" s="21" t="s">
        <v>60</v>
      </c>
      <c r="J46" t="s">
        <v>11</v>
      </c>
      <c r="K46" t="s">
        <v>14</v>
      </c>
      <c r="L46" s="22" t="s">
        <v>351</v>
      </c>
      <c r="M46" s="21" t="s">
        <v>88</v>
      </c>
      <c r="N46" t="s">
        <v>11</v>
      </c>
      <c r="O46" t="s">
        <v>7</v>
      </c>
      <c r="P46" s="22" t="s">
        <v>378</v>
      </c>
      <c r="Q46" s="21" t="s">
        <v>118</v>
      </c>
      <c r="R46" t="s">
        <v>11</v>
      </c>
      <c r="S46" t="s">
        <v>7</v>
      </c>
      <c r="T46" s="22" t="s">
        <v>408</v>
      </c>
      <c r="U46" t="s">
        <v>11</v>
      </c>
      <c r="W46" t="s">
        <v>11</v>
      </c>
    </row>
    <row r="47" spans="1:29" x14ac:dyDescent="0.2">
      <c r="A47" s="21" t="s">
        <v>61</v>
      </c>
      <c r="B47" t="s">
        <v>41</v>
      </c>
      <c r="C47" t="s">
        <v>42</v>
      </c>
      <c r="D47" s="22" t="s">
        <v>295</v>
      </c>
      <c r="E47" s="21" t="s">
        <v>89</v>
      </c>
      <c r="F47" s="6"/>
      <c r="G47" s="6" t="s">
        <v>51</v>
      </c>
      <c r="H47" s="22" t="s">
        <v>325</v>
      </c>
      <c r="I47" s="21" t="s">
        <v>61</v>
      </c>
      <c r="J47" t="s">
        <v>41</v>
      </c>
      <c r="L47" s="22" t="s">
        <v>352</v>
      </c>
      <c r="M47" s="21" t="s">
        <v>89</v>
      </c>
      <c r="O47" t="s">
        <v>53</v>
      </c>
      <c r="P47" s="22" t="s">
        <v>373</v>
      </c>
      <c r="Q47" s="21" t="s">
        <v>119</v>
      </c>
      <c r="R47" t="s">
        <v>41</v>
      </c>
      <c r="T47" s="22" t="s">
        <v>409</v>
      </c>
      <c r="U47" t="s">
        <v>25</v>
      </c>
      <c r="W47" t="s">
        <v>41</v>
      </c>
    </row>
    <row r="48" spans="1:29" x14ac:dyDescent="0.2">
      <c r="A48" s="21" t="s">
        <v>62</v>
      </c>
      <c r="B48" t="s">
        <v>53</v>
      </c>
      <c r="D48" s="22" t="s">
        <v>296</v>
      </c>
      <c r="E48" s="21" t="s">
        <v>90</v>
      </c>
      <c r="F48" t="s">
        <v>41</v>
      </c>
      <c r="H48" s="22" t="s">
        <v>321</v>
      </c>
      <c r="I48" s="21" t="s">
        <v>62</v>
      </c>
      <c r="K48" t="s">
        <v>51</v>
      </c>
      <c r="L48" s="22" t="s">
        <v>353</v>
      </c>
      <c r="M48" s="21" t="s">
        <v>90</v>
      </c>
      <c r="N48" t="s">
        <v>41</v>
      </c>
      <c r="P48" s="22" t="s">
        <v>375</v>
      </c>
      <c r="Q48" s="21" t="s">
        <v>120</v>
      </c>
      <c r="S48" t="s">
        <v>53</v>
      </c>
      <c r="T48" s="22" t="s">
        <v>410</v>
      </c>
      <c r="U48" t="s">
        <v>41</v>
      </c>
      <c r="W48" t="s">
        <v>25</v>
      </c>
    </row>
    <row r="49" spans="1:23" x14ac:dyDescent="0.2">
      <c r="A49" s="21" t="s">
        <v>63</v>
      </c>
      <c r="B49" t="s">
        <v>20</v>
      </c>
      <c r="D49" s="22" t="s">
        <v>297</v>
      </c>
      <c r="E49" s="21" t="s">
        <v>91</v>
      </c>
      <c r="F49" t="s">
        <v>42</v>
      </c>
      <c r="H49" s="22" t="s">
        <v>322</v>
      </c>
      <c r="I49" s="21" t="s">
        <v>63</v>
      </c>
      <c r="J49" t="s">
        <v>20</v>
      </c>
      <c r="L49" s="22" t="s">
        <v>355</v>
      </c>
      <c r="M49" s="21" t="s">
        <v>91</v>
      </c>
      <c r="N49" t="s">
        <v>42</v>
      </c>
      <c r="P49" s="22" t="s">
        <v>376</v>
      </c>
      <c r="Q49" s="21" t="s">
        <v>122</v>
      </c>
      <c r="R49" t="s">
        <v>20</v>
      </c>
      <c r="T49" s="22" t="s">
        <v>411</v>
      </c>
      <c r="U49" t="s">
        <v>42</v>
      </c>
      <c r="W49" t="s">
        <v>20</v>
      </c>
    </row>
    <row r="50" spans="1:23" x14ac:dyDescent="0.2">
      <c r="A50" s="21" t="s">
        <v>64</v>
      </c>
      <c r="B50" t="s">
        <v>17</v>
      </c>
      <c r="D50" s="22" t="s">
        <v>298</v>
      </c>
      <c r="E50" s="21" t="s">
        <v>92</v>
      </c>
      <c r="F50"/>
      <c r="G50" t="s">
        <v>51</v>
      </c>
      <c r="H50" s="22" t="s">
        <v>326</v>
      </c>
      <c r="I50" s="21" t="s">
        <v>64</v>
      </c>
      <c r="K50" t="s">
        <v>51</v>
      </c>
      <c r="L50" s="22" t="s">
        <v>354</v>
      </c>
      <c r="M50" s="21" t="s">
        <v>92</v>
      </c>
      <c r="O50" t="s">
        <v>53</v>
      </c>
      <c r="P50" s="22" t="s">
        <v>377</v>
      </c>
      <c r="Q50" s="21" t="s">
        <v>123</v>
      </c>
      <c r="S50" t="s">
        <v>51</v>
      </c>
      <c r="T50" s="22" t="s">
        <v>412</v>
      </c>
      <c r="U50" t="s">
        <v>26</v>
      </c>
      <c r="W50" t="s">
        <v>17</v>
      </c>
    </row>
    <row r="51" spans="1:23" x14ac:dyDescent="0.2">
      <c r="A51" s="21" t="s">
        <v>65</v>
      </c>
      <c r="B51" t="s">
        <v>15</v>
      </c>
      <c r="D51" s="22" t="s">
        <v>299</v>
      </c>
      <c r="E51" s="21" t="s">
        <v>93</v>
      </c>
      <c r="F51" t="s">
        <v>15</v>
      </c>
      <c r="H51" s="22" t="s">
        <v>337</v>
      </c>
      <c r="I51" s="21" t="s">
        <v>65</v>
      </c>
      <c r="J51" t="s">
        <v>15</v>
      </c>
      <c r="L51" s="22" t="s">
        <v>401</v>
      </c>
      <c r="M51" s="21" t="s">
        <v>93</v>
      </c>
      <c r="N51" t="s">
        <v>15</v>
      </c>
      <c r="P51" s="22" t="s">
        <v>402</v>
      </c>
      <c r="Q51" s="21" t="s">
        <v>124</v>
      </c>
      <c r="R51" t="s">
        <v>15</v>
      </c>
      <c r="T51" s="22" t="s">
        <v>429</v>
      </c>
      <c r="U51" t="s">
        <v>15</v>
      </c>
      <c r="W51" t="s">
        <v>15</v>
      </c>
    </row>
    <row r="52" spans="1:23" x14ac:dyDescent="0.2">
      <c r="A52" s="21" t="s">
        <v>66</v>
      </c>
      <c r="B52" t="s">
        <v>53</v>
      </c>
      <c r="C52" s="18" t="s">
        <v>9</v>
      </c>
      <c r="D52" s="22" t="s">
        <v>300</v>
      </c>
      <c r="E52" s="21" t="s">
        <v>94</v>
      </c>
      <c r="F52" s="18" t="s">
        <v>345</v>
      </c>
      <c r="G52" s="18" t="s">
        <v>41</v>
      </c>
      <c r="H52" s="22" t="s">
        <v>344</v>
      </c>
      <c r="I52" s="21" t="s">
        <v>66</v>
      </c>
      <c r="K52" t="s">
        <v>53</v>
      </c>
      <c r="L52" s="22" t="s">
        <v>360</v>
      </c>
      <c r="M52" s="21" t="s">
        <v>94</v>
      </c>
      <c r="O52" t="s">
        <v>52</v>
      </c>
      <c r="P52" s="22" t="s">
        <v>396</v>
      </c>
      <c r="Q52" s="21" t="s">
        <v>125</v>
      </c>
      <c r="S52" t="s">
        <v>51</v>
      </c>
      <c r="T52" s="22" t="s">
        <v>413</v>
      </c>
      <c r="U52" t="s">
        <v>17</v>
      </c>
      <c r="W52" t="s">
        <v>26</v>
      </c>
    </row>
    <row r="53" spans="1:23" x14ac:dyDescent="0.2">
      <c r="A53" s="21" t="s">
        <v>67</v>
      </c>
      <c r="B53" t="s">
        <v>42</v>
      </c>
      <c r="C53" t="s">
        <v>22</v>
      </c>
      <c r="D53" s="22" t="s">
        <v>301</v>
      </c>
      <c r="E53" s="21" t="s">
        <v>95</v>
      </c>
      <c r="F53" t="s">
        <v>20</v>
      </c>
      <c r="H53" s="22" t="s">
        <v>327</v>
      </c>
      <c r="I53" s="21" t="s">
        <v>67</v>
      </c>
      <c r="J53" t="s">
        <v>42</v>
      </c>
      <c r="L53" s="22" t="s">
        <v>356</v>
      </c>
      <c r="M53" s="21" t="s">
        <v>95</v>
      </c>
      <c r="N53" t="s">
        <v>20</v>
      </c>
      <c r="P53" s="22" t="s">
        <v>383</v>
      </c>
      <c r="Q53" s="21" t="s">
        <v>126</v>
      </c>
      <c r="R53" t="s">
        <v>42</v>
      </c>
      <c r="T53" s="22" t="s">
        <v>414</v>
      </c>
      <c r="U53" t="s">
        <v>20</v>
      </c>
      <c r="W53" t="s">
        <v>42</v>
      </c>
    </row>
    <row r="54" spans="1:23" x14ac:dyDescent="0.2">
      <c r="A54" s="21" t="s">
        <v>68</v>
      </c>
      <c r="B54" t="s">
        <v>9</v>
      </c>
      <c r="C54" t="s">
        <v>6</v>
      </c>
      <c r="D54" s="22" t="s">
        <v>302</v>
      </c>
      <c r="E54" s="21" t="s">
        <v>96</v>
      </c>
      <c r="F54" t="s">
        <v>24</v>
      </c>
      <c r="G54" t="s">
        <v>10</v>
      </c>
      <c r="H54" s="22" t="s">
        <v>328</v>
      </c>
      <c r="I54" s="21" t="s">
        <v>68</v>
      </c>
      <c r="J54" t="s">
        <v>9</v>
      </c>
      <c r="L54" s="22" t="s">
        <v>357</v>
      </c>
      <c r="M54" s="21" t="s">
        <v>96</v>
      </c>
      <c r="N54" s="23" t="s">
        <v>24</v>
      </c>
      <c r="O54" s="23"/>
      <c r="P54" s="24" t="s">
        <v>379</v>
      </c>
      <c r="Q54" s="21" t="s">
        <v>127</v>
      </c>
      <c r="R54" t="s">
        <v>9</v>
      </c>
      <c r="T54" s="22" t="s">
        <v>415</v>
      </c>
      <c r="U54" t="s">
        <v>24</v>
      </c>
      <c r="W54" t="s">
        <v>9</v>
      </c>
    </row>
    <row r="55" spans="1:23" x14ac:dyDescent="0.2">
      <c r="A55" s="21" t="s">
        <v>69</v>
      </c>
      <c r="B55" t="s">
        <v>21</v>
      </c>
      <c r="D55" s="22" t="s">
        <v>303</v>
      </c>
      <c r="E55" s="21" t="s">
        <v>97</v>
      </c>
      <c r="F55" t="s">
        <v>21</v>
      </c>
      <c r="H55" s="22" t="s">
        <v>341</v>
      </c>
      <c r="I55" s="21" t="s">
        <v>69</v>
      </c>
      <c r="J55" t="s">
        <v>21</v>
      </c>
      <c r="L55" s="22" t="s">
        <v>358</v>
      </c>
      <c r="M55" s="21" t="s">
        <v>97</v>
      </c>
      <c r="N55" t="s">
        <v>21</v>
      </c>
      <c r="P55" s="22" t="s">
        <v>380</v>
      </c>
      <c r="Q55" s="21" t="s">
        <v>128</v>
      </c>
      <c r="R55" t="s">
        <v>21</v>
      </c>
      <c r="T55" s="22" t="s">
        <v>416</v>
      </c>
      <c r="U55" t="s">
        <v>21</v>
      </c>
      <c r="W55" t="s">
        <v>21</v>
      </c>
    </row>
    <row r="56" spans="1:23" x14ac:dyDescent="0.2">
      <c r="A56" s="21" t="s">
        <v>70</v>
      </c>
      <c r="B56" t="s">
        <v>24</v>
      </c>
      <c r="D56" s="22" t="s">
        <v>304</v>
      </c>
      <c r="E56" s="21" t="s">
        <v>98</v>
      </c>
      <c r="F56" t="s">
        <v>9</v>
      </c>
      <c r="H56" s="22" t="s">
        <v>339</v>
      </c>
      <c r="I56" s="21" t="s">
        <v>70</v>
      </c>
      <c r="J56" t="s">
        <v>24</v>
      </c>
      <c r="L56" s="22" t="s">
        <v>359</v>
      </c>
      <c r="M56" s="21" t="s">
        <v>98</v>
      </c>
      <c r="N56" t="s">
        <v>9</v>
      </c>
      <c r="P56" s="22" t="s">
        <v>381</v>
      </c>
      <c r="Q56" s="21" t="s">
        <v>121</v>
      </c>
      <c r="R56" s="23" t="s">
        <v>24</v>
      </c>
      <c r="S56" s="23"/>
      <c r="T56" s="24" t="s">
        <v>417</v>
      </c>
      <c r="U56" t="s">
        <v>9</v>
      </c>
      <c r="W56" t="s">
        <v>24</v>
      </c>
    </row>
    <row r="57" spans="1:23" x14ac:dyDescent="0.2">
      <c r="A57" s="21" t="s">
        <v>71</v>
      </c>
      <c r="B57" t="s">
        <v>36</v>
      </c>
      <c r="D57" s="22" t="s">
        <v>305</v>
      </c>
      <c r="E57" s="21" t="s">
        <v>99</v>
      </c>
      <c r="F57" t="s">
        <v>4</v>
      </c>
      <c r="H57" s="22" t="s">
        <v>340</v>
      </c>
      <c r="I57" s="21" t="s">
        <v>71</v>
      </c>
      <c r="J57" t="s">
        <v>36</v>
      </c>
      <c r="L57" s="22" t="s">
        <v>361</v>
      </c>
      <c r="M57" s="21" t="s">
        <v>99</v>
      </c>
      <c r="N57" t="s">
        <v>4</v>
      </c>
      <c r="P57" s="22" t="s">
        <v>389</v>
      </c>
      <c r="Q57" s="21" t="s">
        <v>129</v>
      </c>
      <c r="R57" t="s">
        <v>36</v>
      </c>
      <c r="T57" s="22" t="s">
        <v>418</v>
      </c>
      <c r="U57" t="s">
        <v>4</v>
      </c>
      <c r="W57" t="s">
        <v>36</v>
      </c>
    </row>
    <row r="58" spans="1:23" x14ac:dyDescent="0.2">
      <c r="A58" s="21" t="s">
        <v>72</v>
      </c>
      <c r="B58" t="s">
        <v>10</v>
      </c>
      <c r="C58" s="18" t="s">
        <v>53</v>
      </c>
      <c r="D58" s="22" t="s">
        <v>306</v>
      </c>
      <c r="E58" s="21" t="s">
        <v>100</v>
      </c>
      <c r="F58" t="s">
        <v>10</v>
      </c>
      <c r="H58" s="22" t="s">
        <v>329</v>
      </c>
      <c r="I58" s="21" t="s">
        <v>72</v>
      </c>
      <c r="J58" t="s">
        <v>10</v>
      </c>
      <c r="L58" s="22" t="s">
        <v>363</v>
      </c>
      <c r="M58" s="21" t="s">
        <v>100</v>
      </c>
      <c r="N58" t="s">
        <v>10</v>
      </c>
      <c r="P58" s="22" t="s">
        <v>390</v>
      </c>
      <c r="Q58" s="21" t="s">
        <v>130</v>
      </c>
      <c r="R58" t="s">
        <v>10</v>
      </c>
      <c r="S58" t="s">
        <v>45</v>
      </c>
      <c r="T58" s="22" t="s">
        <v>419</v>
      </c>
      <c r="U58" t="s">
        <v>10</v>
      </c>
      <c r="W58" t="s">
        <v>10</v>
      </c>
    </row>
    <row r="59" spans="1:23" x14ac:dyDescent="0.2">
      <c r="A59" s="21" t="s">
        <v>73</v>
      </c>
      <c r="B59" t="s">
        <v>4</v>
      </c>
      <c r="D59" s="22" t="s">
        <v>323</v>
      </c>
      <c r="E59" s="21" t="s">
        <v>102</v>
      </c>
      <c r="F59" t="s">
        <v>36</v>
      </c>
      <c r="H59" s="22" t="s">
        <v>330</v>
      </c>
      <c r="I59" s="21" t="s">
        <v>73</v>
      </c>
      <c r="J59" t="s">
        <v>4</v>
      </c>
      <c r="L59" s="22" t="s">
        <v>388</v>
      </c>
      <c r="M59" s="21" t="s">
        <v>102</v>
      </c>
      <c r="N59" t="s">
        <v>36</v>
      </c>
      <c r="P59" s="22" t="s">
        <v>384</v>
      </c>
      <c r="Q59" s="21" t="s">
        <v>131</v>
      </c>
      <c r="R59" t="s">
        <v>4</v>
      </c>
      <c r="S59" s="18" t="s">
        <v>14</v>
      </c>
      <c r="T59" s="22" t="s">
        <v>420</v>
      </c>
      <c r="U59" t="s">
        <v>36</v>
      </c>
      <c r="W59" t="s">
        <v>4</v>
      </c>
    </row>
    <row r="60" spans="1:23" x14ac:dyDescent="0.2">
      <c r="A60" s="21" t="s">
        <v>74</v>
      </c>
      <c r="B60" t="s">
        <v>8</v>
      </c>
      <c r="C60" s="18" t="s">
        <v>24</v>
      </c>
      <c r="D60" s="22" t="s">
        <v>307</v>
      </c>
      <c r="E60" s="21" t="s">
        <v>101</v>
      </c>
      <c r="F60"/>
      <c r="G60" t="s">
        <v>17</v>
      </c>
      <c r="H60" s="22" t="s">
        <v>342</v>
      </c>
      <c r="I60" s="21" t="s">
        <v>74</v>
      </c>
      <c r="J60" t="s">
        <v>8</v>
      </c>
      <c r="L60" s="22" t="s">
        <v>362</v>
      </c>
      <c r="M60" s="21" t="s">
        <v>101</v>
      </c>
      <c r="O60" t="s">
        <v>17</v>
      </c>
      <c r="P60" s="22" t="s">
        <v>395</v>
      </c>
      <c r="Q60" s="21" t="s">
        <v>132</v>
      </c>
      <c r="R60" t="s">
        <v>8</v>
      </c>
      <c r="S60" t="s">
        <v>14</v>
      </c>
      <c r="T60" s="22" t="s">
        <v>426</v>
      </c>
      <c r="U60" t="s">
        <v>43</v>
      </c>
      <c r="W60" t="s">
        <v>8</v>
      </c>
    </row>
    <row r="61" spans="1:23" x14ac:dyDescent="0.2">
      <c r="A61" s="21" t="s">
        <v>75</v>
      </c>
      <c r="B61" t="s">
        <v>51</v>
      </c>
      <c r="D61" s="22" t="s">
        <v>308</v>
      </c>
      <c r="E61" s="21" t="s">
        <v>103</v>
      </c>
      <c r="F61" t="s">
        <v>8</v>
      </c>
      <c r="H61" s="22" t="s">
        <v>331</v>
      </c>
      <c r="I61" s="21" t="s">
        <v>75</v>
      </c>
      <c r="K61" t="s">
        <v>17</v>
      </c>
      <c r="L61" s="22" t="s">
        <v>364</v>
      </c>
      <c r="M61" s="21" t="s">
        <v>103</v>
      </c>
      <c r="N61" t="s">
        <v>8</v>
      </c>
      <c r="P61" s="22" t="s">
        <v>386</v>
      </c>
      <c r="Q61" s="21" t="s">
        <v>133</v>
      </c>
      <c r="S61" t="s">
        <v>53</v>
      </c>
      <c r="T61" s="22" t="s">
        <v>421</v>
      </c>
      <c r="U61" t="s">
        <v>8</v>
      </c>
      <c r="W61" t="s">
        <v>43</v>
      </c>
    </row>
    <row r="62" spans="1:23" x14ac:dyDescent="0.2">
      <c r="A62" s="21" t="s">
        <v>76</v>
      </c>
      <c r="B62" t="s">
        <v>23</v>
      </c>
      <c r="D62" s="22" t="s">
        <v>309</v>
      </c>
      <c r="E62" s="21" t="s">
        <v>104</v>
      </c>
      <c r="F62" t="s">
        <v>23</v>
      </c>
      <c r="H62" s="22" t="s">
        <v>343</v>
      </c>
      <c r="I62" s="21" t="s">
        <v>76</v>
      </c>
      <c r="J62" t="s">
        <v>23</v>
      </c>
      <c r="L62" s="22" t="s">
        <v>403</v>
      </c>
      <c r="M62" s="21" t="s">
        <v>104</v>
      </c>
      <c r="N62" t="s">
        <v>23</v>
      </c>
      <c r="P62" s="22" t="s">
        <v>399</v>
      </c>
      <c r="Q62" s="21" t="s">
        <v>134</v>
      </c>
      <c r="R62" t="s">
        <v>23</v>
      </c>
      <c r="T62" s="22" t="s">
        <v>428</v>
      </c>
      <c r="U62" t="s">
        <v>23</v>
      </c>
      <c r="W62" t="s">
        <v>23</v>
      </c>
    </row>
    <row r="63" spans="1:23" x14ac:dyDescent="0.2">
      <c r="A63" s="21" t="s">
        <v>77</v>
      </c>
      <c r="B63" t="s">
        <v>45</v>
      </c>
      <c r="C63" t="s">
        <v>4</v>
      </c>
      <c r="D63" s="22" t="s">
        <v>324</v>
      </c>
      <c r="E63" s="21" t="s">
        <v>105</v>
      </c>
      <c r="F63" t="s">
        <v>45</v>
      </c>
      <c r="H63" s="22" t="s">
        <v>332</v>
      </c>
      <c r="I63" s="21" t="s">
        <v>77</v>
      </c>
      <c r="J63" t="s">
        <v>45</v>
      </c>
      <c r="L63" s="22" t="s">
        <v>365</v>
      </c>
      <c r="M63" s="21" t="s">
        <v>105</v>
      </c>
      <c r="N63" t="s">
        <v>45</v>
      </c>
      <c r="P63" s="22" t="s">
        <v>385</v>
      </c>
      <c r="Q63" s="21" t="s">
        <v>135</v>
      </c>
      <c r="R63" t="s">
        <v>45</v>
      </c>
      <c r="T63" s="22" t="s">
        <v>422</v>
      </c>
      <c r="U63" t="s">
        <v>45</v>
      </c>
      <c r="W63" t="s">
        <v>45</v>
      </c>
    </row>
    <row r="64" spans="1:23" x14ac:dyDescent="0.2">
      <c r="A64" s="21" t="s">
        <v>78</v>
      </c>
      <c r="B64" t="s">
        <v>6</v>
      </c>
      <c r="D64" s="22" t="s">
        <v>310</v>
      </c>
      <c r="E64" s="21" t="s">
        <v>106</v>
      </c>
      <c r="F64" t="s">
        <v>50</v>
      </c>
      <c r="H64" s="22" t="s">
        <v>333</v>
      </c>
      <c r="I64" s="21" t="s">
        <v>78</v>
      </c>
      <c r="J64" t="s">
        <v>6</v>
      </c>
      <c r="K64" t="s">
        <v>25</v>
      </c>
      <c r="L64" s="22" t="s">
        <v>366</v>
      </c>
      <c r="M64" s="21" t="s">
        <v>106</v>
      </c>
      <c r="N64" t="s">
        <v>50</v>
      </c>
      <c r="P64" s="22" t="s">
        <v>391</v>
      </c>
      <c r="Q64" s="21" t="s">
        <v>136</v>
      </c>
      <c r="R64" t="s">
        <v>6</v>
      </c>
      <c r="T64" s="22" t="s">
        <v>425</v>
      </c>
      <c r="U64" t="s">
        <v>50</v>
      </c>
      <c r="W64" t="s">
        <v>6</v>
      </c>
    </row>
    <row r="65" spans="1:23" x14ac:dyDescent="0.2">
      <c r="A65" s="21" t="s">
        <v>79</v>
      </c>
      <c r="B65" t="s">
        <v>50</v>
      </c>
      <c r="C65" t="s">
        <v>22</v>
      </c>
      <c r="D65" s="22" t="s">
        <v>312</v>
      </c>
      <c r="E65" s="21" t="s">
        <v>107</v>
      </c>
      <c r="F65" t="s">
        <v>6</v>
      </c>
      <c r="G65" t="s">
        <v>7</v>
      </c>
      <c r="H65" s="22" t="s">
        <v>335</v>
      </c>
      <c r="I65" s="21" t="s">
        <v>79</v>
      </c>
      <c r="J65" t="s">
        <v>50</v>
      </c>
      <c r="L65" s="22" t="s">
        <v>367</v>
      </c>
      <c r="M65" s="21" t="s">
        <v>107</v>
      </c>
      <c r="N65" t="s">
        <v>6</v>
      </c>
      <c r="P65" s="22" t="s">
        <v>397</v>
      </c>
      <c r="Q65" s="21" t="s">
        <v>137</v>
      </c>
      <c r="R65" t="s">
        <v>50</v>
      </c>
      <c r="T65" s="22" t="s">
        <v>427</v>
      </c>
      <c r="U65" t="s">
        <v>6</v>
      </c>
      <c r="W65" t="s">
        <v>50</v>
      </c>
    </row>
    <row r="66" spans="1:23" x14ac:dyDescent="0.2">
      <c r="A66" s="21" t="s">
        <v>80</v>
      </c>
      <c r="B66" t="s">
        <v>25</v>
      </c>
      <c r="D66" s="22" t="s">
        <v>314</v>
      </c>
      <c r="E66" s="21" t="s">
        <v>108</v>
      </c>
      <c r="F66" t="s">
        <v>25</v>
      </c>
      <c r="H66" s="22" t="s">
        <v>334</v>
      </c>
      <c r="I66" s="21" t="s">
        <v>80</v>
      </c>
      <c r="J66" t="s">
        <v>25</v>
      </c>
      <c r="L66" s="22" t="s">
        <v>368</v>
      </c>
      <c r="M66" s="21" t="s">
        <v>108</v>
      </c>
      <c r="N66" t="s">
        <v>25</v>
      </c>
      <c r="P66" s="22" t="s">
        <v>392</v>
      </c>
      <c r="Q66" s="21" t="s">
        <v>138</v>
      </c>
      <c r="R66" t="s">
        <v>25</v>
      </c>
      <c r="T66" s="22" t="s">
        <v>423</v>
      </c>
      <c r="U66" t="s">
        <v>25</v>
      </c>
      <c r="W66" t="s">
        <v>25</v>
      </c>
    </row>
    <row r="67" spans="1:23" x14ac:dyDescent="0.2">
      <c r="A67" s="21" t="s">
        <v>81</v>
      </c>
      <c r="B67" t="s">
        <v>22</v>
      </c>
      <c r="D67" s="22" t="s">
        <v>311</v>
      </c>
      <c r="E67" s="21" t="s">
        <v>109</v>
      </c>
      <c r="F67" t="s">
        <v>22</v>
      </c>
      <c r="H67" s="22" t="s">
        <v>336</v>
      </c>
      <c r="I67" s="21" t="s">
        <v>81</v>
      </c>
      <c r="J67" t="s">
        <v>22</v>
      </c>
      <c r="L67" s="22" t="s">
        <v>393</v>
      </c>
      <c r="M67" s="21" t="s">
        <v>109</v>
      </c>
      <c r="N67" t="s">
        <v>22</v>
      </c>
      <c r="P67" s="22" t="s">
        <v>394</v>
      </c>
      <c r="Q67" s="21" t="s">
        <v>139</v>
      </c>
      <c r="R67" t="s">
        <v>22</v>
      </c>
      <c r="T67" s="22" t="s">
        <v>424</v>
      </c>
      <c r="U67" t="s">
        <v>22</v>
      </c>
      <c r="W67" t="s">
        <v>22</v>
      </c>
    </row>
    <row r="68" spans="1:23" x14ac:dyDescent="0.2">
      <c r="A68" s="4"/>
      <c r="H68" s="3"/>
    </row>
    <row r="69" spans="1:23" x14ac:dyDescent="0.2">
      <c r="A69" s="4"/>
    </row>
    <row r="70" spans="1:23" x14ac:dyDescent="0.2">
      <c r="A70" s="8"/>
      <c r="B70" s="19"/>
      <c r="C70" s="14"/>
      <c r="D70" s="14"/>
      <c r="E70" s="14"/>
      <c r="F70" s="15"/>
      <c r="G70" s="14"/>
      <c r="H70" s="14"/>
      <c r="I70" s="14"/>
      <c r="J70" s="14"/>
      <c r="K70" s="14"/>
    </row>
    <row r="71" spans="1:23" x14ac:dyDescent="0.2">
      <c r="A71" s="8"/>
      <c r="B71" s="14"/>
      <c r="C71" s="14"/>
      <c r="D71" s="14"/>
      <c r="E71" s="14"/>
      <c r="F71" s="15"/>
      <c r="G71" s="14"/>
      <c r="H71" s="14"/>
      <c r="I71" s="14"/>
      <c r="J71" s="14"/>
      <c r="K71" s="14"/>
    </row>
    <row r="72" spans="1:23" x14ac:dyDescent="0.2">
      <c r="A72" s="8"/>
      <c r="B72" s="14"/>
      <c r="C72" s="14"/>
      <c r="D72" s="14"/>
      <c r="E72" s="14"/>
      <c r="F72" s="15"/>
      <c r="G72" s="14"/>
      <c r="H72" s="14"/>
      <c r="I72" s="14"/>
      <c r="J72" s="14"/>
      <c r="K72" s="14"/>
    </row>
    <row r="73" spans="1:23" x14ac:dyDescent="0.2">
      <c r="A73" s="4"/>
      <c r="B73" s="14"/>
      <c r="C73" s="14"/>
      <c r="D73" s="14"/>
      <c r="E73" s="16"/>
      <c r="F73" s="15"/>
      <c r="G73" s="14"/>
      <c r="H73" s="17"/>
      <c r="I73" s="14"/>
      <c r="J73" s="14"/>
      <c r="K73" s="14"/>
    </row>
    <row r="74" spans="1:23" x14ac:dyDescent="0.2">
      <c r="A74" s="4"/>
      <c r="B74" s="14"/>
      <c r="C74" s="16"/>
      <c r="D74" s="14"/>
      <c r="E74" s="14"/>
      <c r="F74" s="15"/>
      <c r="G74" s="14"/>
      <c r="H74" s="17"/>
      <c r="I74" s="14"/>
      <c r="J74" s="14"/>
      <c r="K74" s="14"/>
    </row>
    <row r="75" spans="1:23" x14ac:dyDescent="0.2">
      <c r="A75" s="5"/>
      <c r="B75" s="14"/>
      <c r="C75" s="14"/>
      <c r="D75" s="14"/>
      <c r="E75" s="14"/>
      <c r="F75" s="15"/>
      <c r="G75" s="14"/>
      <c r="H75" s="14"/>
      <c r="I75" s="14"/>
      <c r="J75" s="14"/>
      <c r="K75" s="14"/>
    </row>
    <row r="76" spans="1:23" x14ac:dyDescent="0.2">
      <c r="A76" s="5"/>
      <c r="B76" s="14"/>
      <c r="C76" s="14"/>
      <c r="D76" s="14"/>
      <c r="E76" s="14"/>
      <c r="F76" s="15"/>
      <c r="G76" s="14"/>
      <c r="H76" s="14"/>
      <c r="I76" s="14"/>
      <c r="J76" s="14"/>
      <c r="K76" s="14"/>
    </row>
    <row r="77" spans="1:23" x14ac:dyDescent="0.2">
      <c r="A77" s="5"/>
      <c r="B77" s="14"/>
      <c r="C77" s="14"/>
      <c r="D77" s="14"/>
      <c r="E77" s="14"/>
      <c r="F77" s="15"/>
      <c r="G77" s="14"/>
      <c r="H77" s="14"/>
      <c r="I77" s="14"/>
      <c r="J77" s="14"/>
      <c r="K77" s="14"/>
    </row>
    <row r="78" spans="1:23" x14ac:dyDescent="0.2">
      <c r="A78"/>
      <c r="B78" s="14"/>
      <c r="C78" s="14"/>
      <c r="D78" s="14"/>
      <c r="E78" s="14"/>
      <c r="F78" s="15"/>
      <c r="G78" s="14"/>
      <c r="H78" s="14"/>
      <c r="I78" s="14"/>
      <c r="J78" s="14"/>
      <c r="K78" s="14"/>
    </row>
    <row r="79" spans="1:23" x14ac:dyDescent="0.2">
      <c r="A79"/>
      <c r="B79" s="14"/>
      <c r="C79" s="14"/>
      <c r="D79" s="14"/>
      <c r="E79" s="14"/>
      <c r="F79" s="15"/>
      <c r="G79" s="14"/>
      <c r="H79" s="14"/>
      <c r="I79" s="14"/>
      <c r="J79" s="14"/>
      <c r="K79" s="14"/>
    </row>
    <row r="80" spans="1:23" x14ac:dyDescent="0.2">
      <c r="A80"/>
      <c r="B80" s="14"/>
      <c r="C80" s="14"/>
      <c r="D80" s="14"/>
      <c r="E80" s="14"/>
      <c r="F80" s="15"/>
      <c r="G80" s="14"/>
      <c r="H80" s="14"/>
      <c r="I80" s="14"/>
      <c r="J80" s="14"/>
      <c r="K80" s="14"/>
    </row>
    <row r="81" spans="1:11" x14ac:dyDescent="0.2">
      <c r="A81"/>
      <c r="B81" s="14"/>
      <c r="C81" s="14"/>
      <c r="D81" s="14"/>
      <c r="E81" s="14"/>
      <c r="F81" s="15"/>
      <c r="G81" s="14"/>
      <c r="H81" s="14"/>
      <c r="I81" s="14"/>
      <c r="J81" s="14"/>
      <c r="K81" s="14"/>
    </row>
    <row r="82" spans="1:11" x14ac:dyDescent="0.2">
      <c r="A82"/>
      <c r="B82" s="14"/>
      <c r="C82" s="14"/>
      <c r="D82" s="14"/>
      <c r="E82" s="14"/>
      <c r="F82" s="15"/>
      <c r="G82" s="14"/>
      <c r="H82" s="14"/>
      <c r="I82" s="14"/>
      <c r="J82" s="14"/>
      <c r="K82" s="14"/>
    </row>
    <row r="83" spans="1:11" x14ac:dyDescent="0.2">
      <c r="A83"/>
      <c r="B83" s="14"/>
      <c r="C83" s="14"/>
      <c r="D83" s="14"/>
      <c r="E83" s="14"/>
      <c r="F83" s="15"/>
      <c r="G83" s="14"/>
      <c r="H83" s="14"/>
      <c r="I83" s="14"/>
      <c r="J83" s="14"/>
      <c r="K83" s="14"/>
    </row>
    <row r="84" spans="1:11" x14ac:dyDescent="0.2">
      <c r="A84"/>
      <c r="B84" s="14"/>
      <c r="C84" s="14"/>
      <c r="D84" s="14"/>
      <c r="E84" s="14"/>
      <c r="F84" s="15"/>
      <c r="G84" s="14"/>
      <c r="H84" s="14"/>
      <c r="I84" s="14"/>
      <c r="J84" s="14"/>
      <c r="K84" s="14"/>
    </row>
    <row r="85" spans="1:11" x14ac:dyDescent="0.2">
      <c r="A85"/>
      <c r="B85" s="14"/>
      <c r="C85" s="14"/>
      <c r="D85" s="14"/>
      <c r="E85" s="14"/>
      <c r="F85" s="15"/>
      <c r="G85" s="14"/>
      <c r="H85" s="14"/>
      <c r="I85" s="14"/>
      <c r="J85" s="14"/>
      <c r="K85" s="14"/>
    </row>
    <row r="86" spans="1:11" x14ac:dyDescent="0.2">
      <c r="A86"/>
      <c r="B86" s="14"/>
      <c r="C86" s="14"/>
      <c r="D86" s="14"/>
      <c r="E86" s="14"/>
      <c r="F86" s="15"/>
      <c r="G86" s="14"/>
      <c r="H86" s="14"/>
      <c r="I86" s="14"/>
      <c r="J86" s="14"/>
      <c r="K86" s="14"/>
    </row>
    <row r="87" spans="1:11" x14ac:dyDescent="0.2">
      <c r="B87" s="14"/>
      <c r="C87" s="14"/>
      <c r="D87" s="14"/>
      <c r="E87" s="14"/>
      <c r="F87" s="14"/>
      <c r="G87" s="14"/>
      <c r="H87" s="14"/>
      <c r="I87" s="14"/>
      <c r="J87" s="14"/>
      <c r="K87" s="14"/>
    </row>
    <row r="88" spans="1:11" x14ac:dyDescent="0.2">
      <c r="B88" s="14"/>
      <c r="C88" s="14"/>
      <c r="D88" s="14"/>
      <c r="E88" s="14"/>
      <c r="F88" s="15"/>
      <c r="G88" s="14"/>
      <c r="H88" s="14"/>
      <c r="I88" s="14"/>
      <c r="J88" s="14"/>
      <c r="K88" s="14"/>
    </row>
    <row r="89" spans="1:11" x14ac:dyDescent="0.2">
      <c r="B89" s="14"/>
      <c r="C89" s="14"/>
      <c r="D89" s="14"/>
      <c r="E89" s="14"/>
      <c r="F89" s="15"/>
      <c r="G89" s="14"/>
      <c r="H89" s="14"/>
      <c r="I89" s="14"/>
      <c r="J89" s="14"/>
      <c r="K89" s="14"/>
    </row>
    <row r="90" spans="1:11" x14ac:dyDescent="0.2">
      <c r="B90" s="14"/>
      <c r="C90" s="14"/>
      <c r="D90" s="14"/>
      <c r="E90" s="14"/>
      <c r="F90" s="15"/>
      <c r="G90" s="14"/>
      <c r="H90" s="14"/>
      <c r="I90" s="14"/>
      <c r="J90" s="14"/>
      <c r="K90" s="14"/>
    </row>
    <row r="91" spans="1:11" x14ac:dyDescent="0.2">
      <c r="B91" s="14"/>
      <c r="C91" s="14"/>
      <c r="D91" s="14"/>
      <c r="E91" s="14"/>
      <c r="F91" s="15"/>
      <c r="G91" s="14"/>
      <c r="H91" s="14"/>
      <c r="I91" s="14"/>
      <c r="J91" s="14"/>
      <c r="K91" s="14"/>
    </row>
    <row r="92" spans="1:11" x14ac:dyDescent="0.2">
      <c r="B92" s="14"/>
      <c r="C92" s="14"/>
      <c r="D92" s="14"/>
      <c r="E92" s="14"/>
      <c r="F92" s="15"/>
      <c r="G92" s="14"/>
      <c r="H92" s="14"/>
      <c r="I92" s="14"/>
      <c r="J92" s="14"/>
      <c r="K92" s="14"/>
    </row>
    <row r="93" spans="1:11" x14ac:dyDescent="0.2">
      <c r="B93" s="14"/>
      <c r="C93" s="14"/>
      <c r="D93" s="14"/>
      <c r="E93" s="14"/>
      <c r="F93" s="15"/>
      <c r="G93" s="14"/>
      <c r="H93" s="14"/>
      <c r="I93" s="14"/>
      <c r="J93" s="14"/>
      <c r="K93" s="14"/>
    </row>
    <row r="94" spans="1:11" x14ac:dyDescent="0.2">
      <c r="B94" s="14"/>
      <c r="C94" s="14"/>
      <c r="D94" s="14"/>
      <c r="E94" s="14"/>
      <c r="F94" s="15"/>
      <c r="G94" s="14"/>
      <c r="H94" s="14"/>
      <c r="I94" s="14"/>
      <c r="J94" s="14"/>
      <c r="K94" s="14"/>
    </row>
    <row r="95" spans="1:11" x14ac:dyDescent="0.2">
      <c r="B95" s="14"/>
      <c r="C95" s="14"/>
      <c r="D95" s="14"/>
      <c r="E95" s="14"/>
      <c r="F95" s="15"/>
      <c r="G95" s="14"/>
      <c r="H95" s="14"/>
      <c r="I95" s="14"/>
      <c r="J95" s="14"/>
      <c r="K95" s="14"/>
    </row>
    <row r="96" spans="1:11" x14ac:dyDescent="0.2">
      <c r="B96" s="14"/>
      <c r="C96" s="14"/>
      <c r="D96" s="14"/>
      <c r="E96" s="14"/>
      <c r="F96" s="15"/>
      <c r="G96" s="14"/>
      <c r="H96" s="14"/>
      <c r="I96" s="14"/>
      <c r="J96" s="14"/>
      <c r="K96" s="14"/>
    </row>
    <row r="97" spans="2:11" x14ac:dyDescent="0.2">
      <c r="B97" s="14"/>
      <c r="C97" s="14"/>
      <c r="D97" s="14"/>
      <c r="E97" s="14"/>
      <c r="F97" s="15"/>
      <c r="G97" s="14"/>
      <c r="H97" s="14"/>
      <c r="I97" s="14"/>
      <c r="J97" s="14"/>
      <c r="K97" s="14"/>
    </row>
    <row r="98" spans="2:11" x14ac:dyDescent="0.2">
      <c r="B98" s="14"/>
      <c r="C98" s="14"/>
      <c r="D98" s="14"/>
      <c r="E98" s="14"/>
      <c r="F98" s="15"/>
      <c r="G98" s="14"/>
      <c r="H98" s="14"/>
      <c r="I98" s="14"/>
      <c r="J98" s="14"/>
      <c r="K98" s="14"/>
    </row>
    <row r="99" spans="2:11" x14ac:dyDescent="0.2">
      <c r="B99" s="14"/>
      <c r="C99" s="14"/>
      <c r="D99" s="14"/>
      <c r="E99" s="14"/>
      <c r="F99" s="15"/>
      <c r="G99" s="14"/>
      <c r="H99" s="14"/>
      <c r="I99" s="14"/>
      <c r="J99" s="14"/>
      <c r="K99" s="14"/>
    </row>
    <row r="100" spans="2:11" x14ac:dyDescent="0.2">
      <c r="B100" s="16" t="s">
        <v>40</v>
      </c>
      <c r="C100" s="14"/>
      <c r="D100" s="14"/>
      <c r="E100" s="14"/>
      <c r="F100" s="15"/>
      <c r="G100" s="14"/>
      <c r="H100" s="14"/>
      <c r="I100" s="14"/>
      <c r="J100" s="14"/>
      <c r="K100" s="14"/>
    </row>
    <row r="101" spans="2:11" x14ac:dyDescent="0.2">
      <c r="B101" s="14"/>
      <c r="C101" s="14" t="s">
        <v>37</v>
      </c>
      <c r="D101" s="14" t="s">
        <v>38</v>
      </c>
      <c r="E101" s="14"/>
      <c r="F101" s="15"/>
      <c r="G101" s="14"/>
      <c r="H101" s="14"/>
      <c r="I101" s="14"/>
      <c r="J101" s="14"/>
      <c r="K101" s="14"/>
    </row>
    <row r="102" spans="2:11" x14ac:dyDescent="0.2">
      <c r="B102" s="14"/>
      <c r="C102" s="14"/>
      <c r="D102" s="14"/>
      <c r="E102" s="14"/>
      <c r="F102" s="15"/>
      <c r="G102" s="14"/>
      <c r="H102" s="14"/>
      <c r="I102" s="14"/>
      <c r="J102" s="14"/>
      <c r="K102" s="14"/>
    </row>
    <row r="103" spans="2:11" x14ac:dyDescent="0.2">
      <c r="B103" s="14"/>
      <c r="C103" s="16"/>
      <c r="D103" s="14"/>
      <c r="E103" s="14"/>
      <c r="F103" s="15"/>
      <c r="G103" s="14"/>
      <c r="H103" s="14"/>
      <c r="I103" s="14"/>
      <c r="J103" s="14"/>
      <c r="K103" s="14"/>
    </row>
    <row r="104" spans="2:11" x14ac:dyDescent="0.2">
      <c r="B104" s="14"/>
      <c r="C104" s="16"/>
      <c r="D104" s="14"/>
      <c r="E104" s="14"/>
      <c r="F104" s="15"/>
      <c r="G104" s="14"/>
      <c r="H104" s="14"/>
      <c r="I104" s="14"/>
      <c r="J104" s="14"/>
      <c r="K104" s="14"/>
    </row>
    <row r="105" spans="2:11" x14ac:dyDescent="0.2">
      <c r="B105" s="14"/>
      <c r="C105" s="16"/>
      <c r="D105" s="14"/>
      <c r="E105" s="14"/>
      <c r="F105" s="15"/>
      <c r="G105" s="14"/>
      <c r="H105" s="14"/>
      <c r="I105" s="14"/>
      <c r="J105" s="14"/>
      <c r="K105" s="14"/>
    </row>
    <row r="106" spans="2:11" x14ac:dyDescent="0.2">
      <c r="B106" s="14"/>
      <c r="C106" s="16"/>
      <c r="D106" s="14"/>
      <c r="E106" s="14"/>
      <c r="F106" s="15"/>
      <c r="G106" s="14"/>
      <c r="H106" s="14"/>
      <c r="I106" s="14"/>
      <c r="J106" s="14"/>
      <c r="K106" s="14"/>
    </row>
    <row r="107" spans="2:11" x14ac:dyDescent="0.2">
      <c r="B107" s="14"/>
      <c r="C107" s="16"/>
      <c r="D107" s="14"/>
      <c r="E107" s="14"/>
      <c r="F107" s="15"/>
      <c r="G107" s="14"/>
      <c r="H107" s="14"/>
      <c r="I107" s="14"/>
      <c r="J107" s="14"/>
      <c r="K107" s="14"/>
    </row>
    <row r="108" spans="2:11" x14ac:dyDescent="0.2">
      <c r="B108" s="14"/>
      <c r="C108" s="14"/>
      <c r="D108" s="14"/>
      <c r="E108" s="14"/>
      <c r="F108" s="15"/>
      <c r="G108" s="14"/>
      <c r="H108" s="14"/>
      <c r="I108" s="14"/>
      <c r="J108" s="14"/>
      <c r="K108" s="14"/>
    </row>
    <row r="109" spans="2:11" x14ac:dyDescent="0.2">
      <c r="B109" s="14"/>
      <c r="C109" s="16"/>
      <c r="D109" s="14"/>
      <c r="E109" s="14"/>
      <c r="F109" s="15"/>
      <c r="G109" s="14"/>
      <c r="H109" s="14"/>
      <c r="I109" s="14"/>
      <c r="J109" s="14"/>
      <c r="K109" s="14"/>
    </row>
    <row r="110" spans="2:11" x14ac:dyDescent="0.2">
      <c r="B110" s="14"/>
      <c r="C110" s="16"/>
      <c r="D110" s="14"/>
      <c r="E110" s="14"/>
      <c r="F110" s="15"/>
      <c r="G110" s="14"/>
      <c r="H110" s="14"/>
      <c r="I110" s="14"/>
      <c r="J110" s="14"/>
      <c r="K110" s="14"/>
    </row>
    <row r="111" spans="2:11" x14ac:dyDescent="0.2">
      <c r="B111" s="14"/>
      <c r="C111" s="14"/>
      <c r="D111" s="14"/>
      <c r="E111" s="14"/>
      <c r="F111" s="15"/>
      <c r="G111" s="14"/>
      <c r="H111" s="14"/>
      <c r="I111" s="14"/>
      <c r="J111" s="14"/>
      <c r="K111" s="14"/>
    </row>
    <row r="112" spans="2:11" x14ac:dyDescent="0.2">
      <c r="B112" s="14"/>
      <c r="C112" s="16"/>
      <c r="D112" s="14"/>
      <c r="E112" s="14"/>
      <c r="F112" s="15"/>
      <c r="G112" s="14"/>
      <c r="H112" s="14"/>
      <c r="I112" s="14"/>
      <c r="J112" s="14"/>
      <c r="K112" s="14"/>
    </row>
    <row r="113" spans="2:11" x14ac:dyDescent="0.2">
      <c r="B113" s="14"/>
      <c r="C113" s="16"/>
      <c r="D113" s="14"/>
      <c r="E113" s="14"/>
      <c r="F113" s="15"/>
      <c r="G113" s="14"/>
      <c r="H113" s="14"/>
      <c r="I113" s="14"/>
      <c r="J113" s="14"/>
      <c r="K113" s="14"/>
    </row>
    <row r="114" spans="2:11" x14ac:dyDescent="0.2">
      <c r="B114" s="14"/>
      <c r="C114" s="16"/>
      <c r="D114" s="14"/>
      <c r="E114" s="14"/>
      <c r="F114" s="15"/>
      <c r="G114" s="14"/>
      <c r="H114" s="14"/>
      <c r="I114" s="14"/>
      <c r="J114" s="14"/>
      <c r="K114" s="14"/>
    </row>
    <row r="115" spans="2:11" x14ac:dyDescent="0.2">
      <c r="B115" s="14"/>
      <c r="C115" s="14"/>
      <c r="D115" s="14"/>
      <c r="E115" s="14"/>
      <c r="F115" s="15"/>
      <c r="G115" s="14"/>
      <c r="H115" s="14"/>
      <c r="I115" s="14"/>
      <c r="J115" s="14"/>
      <c r="K115" s="14"/>
    </row>
    <row r="116" spans="2:11" x14ac:dyDescent="0.2">
      <c r="B116" s="14"/>
      <c r="C116" s="16"/>
      <c r="D116" s="14"/>
      <c r="E116" s="14"/>
      <c r="F116" s="15"/>
      <c r="G116" s="14"/>
      <c r="H116" s="14"/>
      <c r="I116" s="14"/>
      <c r="J116" s="14"/>
      <c r="K116" s="14"/>
    </row>
    <row r="117" spans="2:11" x14ac:dyDescent="0.2">
      <c r="B117" s="14"/>
      <c r="C117" s="16"/>
      <c r="D117" s="14"/>
      <c r="E117" s="14"/>
      <c r="F117" s="15"/>
      <c r="G117" s="14"/>
      <c r="H117" s="14"/>
      <c r="I117" s="14"/>
      <c r="J117" s="14"/>
      <c r="K117" s="14"/>
    </row>
    <row r="118" spans="2:11" x14ac:dyDescent="0.2">
      <c r="B118" s="14"/>
      <c r="C118" s="16"/>
      <c r="D118" s="14"/>
      <c r="E118" s="14"/>
      <c r="F118" s="15"/>
      <c r="G118" s="14"/>
      <c r="H118" s="14"/>
      <c r="I118" s="14"/>
      <c r="J118" s="14"/>
      <c r="K118" s="14"/>
    </row>
    <row r="119" spans="2:11" x14ac:dyDescent="0.2">
      <c r="B119" s="14"/>
      <c r="C119" s="16"/>
      <c r="D119" s="14"/>
      <c r="E119" s="14"/>
      <c r="F119" s="15"/>
      <c r="G119" s="14"/>
      <c r="H119" s="14"/>
      <c r="I119" s="14"/>
      <c r="J119" s="14"/>
      <c r="K119" s="14"/>
    </row>
    <row r="120" spans="2:11" x14ac:dyDescent="0.2">
      <c r="B120" s="14"/>
      <c r="C120" s="14"/>
      <c r="D120" s="14"/>
      <c r="E120" s="14"/>
      <c r="F120" s="15"/>
      <c r="G120" s="14"/>
      <c r="H120" s="14"/>
      <c r="I120" s="14"/>
      <c r="J120" s="14"/>
      <c r="K120" s="14"/>
    </row>
    <row r="121" spans="2:11" x14ac:dyDescent="0.2">
      <c r="B121" s="14"/>
      <c r="C121" s="14"/>
      <c r="D121" s="14"/>
      <c r="E121" s="14"/>
      <c r="F121" s="15"/>
      <c r="G121" s="14"/>
      <c r="H121" s="14"/>
      <c r="I121" s="14"/>
      <c r="J121" s="14"/>
      <c r="K121" s="14"/>
    </row>
    <row r="122" spans="2:11" x14ac:dyDescent="0.2">
      <c r="B122" s="14"/>
      <c r="C122" s="16"/>
      <c r="D122" s="14"/>
      <c r="E122" s="14"/>
      <c r="F122" s="15"/>
      <c r="G122" s="14"/>
      <c r="H122" s="14"/>
      <c r="I122" s="14"/>
      <c r="J122" s="14"/>
      <c r="K122" s="14"/>
    </row>
    <row r="123" spans="2:11" x14ac:dyDescent="0.2">
      <c r="B123" s="14"/>
      <c r="C123" s="16"/>
      <c r="D123" s="14"/>
      <c r="E123" s="14"/>
      <c r="F123" s="15"/>
      <c r="G123" s="14"/>
      <c r="H123" s="14"/>
      <c r="I123" s="14"/>
      <c r="J123" s="14"/>
      <c r="K123" s="14"/>
    </row>
    <row r="124" spans="2:11" x14ac:dyDescent="0.2">
      <c r="B124" s="14"/>
      <c r="C124" s="16"/>
      <c r="D124" s="14"/>
      <c r="E124" s="14"/>
      <c r="F124" s="15"/>
      <c r="G124" s="14"/>
      <c r="H124" s="14"/>
      <c r="I124" s="14"/>
      <c r="J124" s="14"/>
      <c r="K124" s="14"/>
    </row>
    <row r="125" spans="2:11" x14ac:dyDescent="0.2">
      <c r="B125" s="14"/>
      <c r="C125" s="16"/>
      <c r="D125" s="14"/>
      <c r="E125" s="14"/>
      <c r="F125" s="15"/>
      <c r="G125" s="14"/>
      <c r="H125" s="14"/>
      <c r="I125" s="14"/>
      <c r="J125" s="14"/>
      <c r="K125" s="14"/>
    </row>
    <row r="126" spans="2:11" x14ac:dyDescent="0.2">
      <c r="B126" s="14"/>
      <c r="C126" s="14"/>
      <c r="D126" s="14"/>
      <c r="E126" s="14"/>
      <c r="F126" s="15"/>
      <c r="G126" s="14"/>
      <c r="H126" s="14"/>
      <c r="I126" s="14"/>
      <c r="J126" s="14"/>
      <c r="K126" s="14"/>
    </row>
    <row r="127" spans="2:11" x14ac:dyDescent="0.2">
      <c r="B127" s="14"/>
      <c r="C127" s="14"/>
      <c r="D127" s="14"/>
      <c r="E127" s="14"/>
      <c r="F127" s="15"/>
      <c r="G127" s="14"/>
      <c r="H127" s="14"/>
      <c r="I127" s="14"/>
      <c r="J127" s="14"/>
      <c r="K127" s="14"/>
    </row>
    <row r="128" spans="2:11" x14ac:dyDescent="0.2">
      <c r="B128" s="14"/>
      <c r="C128" s="14"/>
      <c r="D128" s="14"/>
      <c r="E128" s="14"/>
      <c r="F128" s="15"/>
      <c r="G128" s="14"/>
      <c r="H128" s="14"/>
      <c r="I128" s="14"/>
      <c r="J128" s="14"/>
      <c r="K128" s="14"/>
    </row>
    <row r="129" spans="2:11" x14ac:dyDescent="0.2">
      <c r="B129" s="14"/>
      <c r="C129" s="14"/>
      <c r="D129" s="14"/>
      <c r="E129" s="14"/>
      <c r="F129" s="15"/>
      <c r="G129" s="14"/>
      <c r="H129" s="14"/>
      <c r="I129" s="14"/>
      <c r="J129" s="14"/>
      <c r="K129" s="14"/>
    </row>
    <row r="130" spans="2:11" x14ac:dyDescent="0.2">
      <c r="B130" s="14"/>
      <c r="C130" s="14"/>
      <c r="D130" s="14"/>
      <c r="E130" s="14"/>
      <c r="F130" s="15"/>
      <c r="G130" s="14"/>
      <c r="H130" s="14"/>
      <c r="I130" s="14"/>
      <c r="J130" s="14"/>
      <c r="K130" s="14"/>
    </row>
    <row r="131" spans="2:11" x14ac:dyDescent="0.2">
      <c r="B131" s="14"/>
      <c r="C131" s="14"/>
      <c r="D131" s="14"/>
      <c r="E131" s="14"/>
      <c r="F131" s="15"/>
      <c r="G131" s="14"/>
      <c r="H131" s="14"/>
      <c r="I131" s="14"/>
      <c r="J131" s="14"/>
      <c r="K131" s="14"/>
    </row>
    <row r="132" spans="2:11" x14ac:dyDescent="0.2">
      <c r="B132" s="14"/>
      <c r="C132" s="14"/>
      <c r="D132" s="14"/>
      <c r="E132" s="14"/>
      <c r="F132" s="15"/>
      <c r="G132" s="14"/>
      <c r="H132" s="14"/>
      <c r="I132" s="14"/>
      <c r="J132" s="14"/>
      <c r="K132" s="14"/>
    </row>
    <row r="133" spans="2:11" x14ac:dyDescent="0.2">
      <c r="B133" s="14"/>
      <c r="C133" s="14"/>
      <c r="D133" s="14"/>
      <c r="E133" s="14"/>
      <c r="F133" s="15"/>
      <c r="G133" s="14"/>
      <c r="H133" s="14"/>
      <c r="I133" s="14"/>
      <c r="J133" s="14"/>
      <c r="K133" s="14"/>
    </row>
    <row r="134" spans="2:11" x14ac:dyDescent="0.2">
      <c r="B134" s="14"/>
      <c r="C134" s="14"/>
      <c r="D134" s="14"/>
      <c r="E134" s="14"/>
      <c r="F134" s="15"/>
      <c r="G134" s="14"/>
      <c r="H134" s="14"/>
      <c r="I134" s="14"/>
      <c r="J134" s="14"/>
      <c r="K134" s="14"/>
    </row>
    <row r="135" spans="2:11" x14ac:dyDescent="0.2">
      <c r="B135" s="14"/>
      <c r="C135" s="14"/>
      <c r="D135" s="14"/>
      <c r="E135" s="14"/>
      <c r="F135" s="15"/>
      <c r="G135" s="14"/>
      <c r="H135" s="14"/>
      <c r="I135" s="14"/>
      <c r="J135" s="14"/>
      <c r="K135" s="14"/>
    </row>
    <row r="136" spans="2:11" x14ac:dyDescent="0.2">
      <c r="B136" s="14"/>
      <c r="C136" s="14"/>
      <c r="D136" s="14"/>
      <c r="E136" s="14"/>
      <c r="F136" s="15"/>
      <c r="G136" s="14"/>
      <c r="H136" s="14"/>
      <c r="I136" s="14"/>
      <c r="J136" s="14"/>
      <c r="K136" s="14"/>
    </row>
    <row r="137" spans="2:11" x14ac:dyDescent="0.2">
      <c r="B137" s="14"/>
      <c r="C137" s="14"/>
      <c r="D137" s="14"/>
      <c r="E137" s="14"/>
      <c r="F137" s="15"/>
      <c r="G137" s="14"/>
      <c r="H137" s="14"/>
      <c r="I137" s="14"/>
      <c r="J137" s="14"/>
      <c r="K137" s="14"/>
    </row>
    <row r="138" spans="2:11" x14ac:dyDescent="0.2">
      <c r="B138" s="14"/>
      <c r="C138" s="14"/>
      <c r="D138" s="14"/>
      <c r="E138" s="14"/>
      <c r="F138" s="15"/>
      <c r="G138" s="14"/>
      <c r="H138" s="14"/>
      <c r="I138" s="14"/>
      <c r="J138" s="14"/>
      <c r="K138" s="14"/>
    </row>
    <row r="139" spans="2:11" x14ac:dyDescent="0.2">
      <c r="B139" s="14"/>
      <c r="C139" s="14"/>
      <c r="D139" s="14"/>
      <c r="E139" s="14"/>
      <c r="F139" s="15"/>
      <c r="G139" s="14"/>
      <c r="H139" s="14"/>
      <c r="I139" s="14"/>
      <c r="J139" s="14"/>
      <c r="K139" s="14"/>
    </row>
    <row r="140" spans="2:11" x14ac:dyDescent="0.2">
      <c r="B140" s="14"/>
      <c r="C140" s="14"/>
      <c r="D140" s="14"/>
      <c r="E140" s="14"/>
      <c r="F140" s="15"/>
      <c r="G140" s="14"/>
      <c r="H140" s="14"/>
      <c r="I140" s="14"/>
      <c r="J140" s="14"/>
      <c r="K140" s="14"/>
    </row>
    <row r="141" spans="2:11" x14ac:dyDescent="0.2">
      <c r="B141" s="14"/>
      <c r="C141" s="14"/>
      <c r="D141" s="14"/>
      <c r="E141" s="14"/>
      <c r="F141" s="15"/>
      <c r="G141" s="14"/>
      <c r="H141" s="14"/>
      <c r="I141" s="14"/>
      <c r="J141" s="14"/>
      <c r="K141" s="14"/>
    </row>
    <row r="142" spans="2:11" x14ac:dyDescent="0.2">
      <c r="B142" s="14"/>
      <c r="C142" s="14"/>
      <c r="D142" s="14"/>
      <c r="E142" s="14"/>
      <c r="F142" s="15"/>
      <c r="G142" s="14"/>
      <c r="H142" s="14"/>
      <c r="I142" s="14"/>
      <c r="J142" s="14"/>
      <c r="K142" s="14"/>
    </row>
    <row r="143" spans="2:11" x14ac:dyDescent="0.2">
      <c r="B143" s="14"/>
      <c r="C143" s="14"/>
      <c r="D143" s="14"/>
      <c r="E143" s="14"/>
      <c r="F143" s="15"/>
      <c r="G143" s="14"/>
      <c r="H143" s="14"/>
      <c r="I143" s="14"/>
      <c r="J143" s="14"/>
      <c r="K143" s="14"/>
    </row>
    <row r="144" spans="2:11" x14ac:dyDescent="0.2">
      <c r="B144" s="14"/>
      <c r="C144" s="14"/>
      <c r="D144" s="14"/>
      <c r="E144" s="14"/>
      <c r="F144" s="15"/>
      <c r="G144" s="14"/>
      <c r="H144" s="14"/>
      <c r="I144" s="14"/>
      <c r="J144" s="14"/>
      <c r="K144" s="14"/>
    </row>
    <row r="145" spans="2:6" x14ac:dyDescent="0.2">
      <c r="B145" s="14"/>
      <c r="C145" s="14"/>
      <c r="D145" s="14"/>
      <c r="E145" s="14"/>
      <c r="F145" s="15"/>
    </row>
    <row r="146" spans="2:6" x14ac:dyDescent="0.2">
      <c r="B146" s="14"/>
      <c r="C146" s="14"/>
      <c r="D146" s="14"/>
      <c r="E146" s="14"/>
      <c r="F146" s="15"/>
    </row>
    <row r="147" spans="2:6" x14ac:dyDescent="0.2">
      <c r="B147" s="14"/>
      <c r="C147" s="14"/>
      <c r="D147" s="14"/>
      <c r="E147" s="14"/>
      <c r="F147" s="15"/>
    </row>
    <row r="148" spans="2:6" x14ac:dyDescent="0.2">
      <c r="B148" s="14"/>
      <c r="C148" s="14"/>
      <c r="D148" s="14"/>
      <c r="E148" s="14"/>
      <c r="F148" s="15"/>
    </row>
    <row r="149" spans="2:6" x14ac:dyDescent="0.2">
      <c r="B149" s="14"/>
      <c r="C149" s="14"/>
      <c r="D149" s="14"/>
      <c r="E149" s="14"/>
      <c r="F149" s="15"/>
    </row>
    <row r="150" spans="2:6" x14ac:dyDescent="0.2">
      <c r="B150" s="14"/>
      <c r="C150" s="14"/>
      <c r="D150" s="14"/>
      <c r="E150" s="14"/>
      <c r="F150" s="15"/>
    </row>
    <row r="151" spans="2:6" x14ac:dyDescent="0.2">
      <c r="B151" s="14"/>
      <c r="C151" s="14"/>
      <c r="D151" s="14"/>
      <c r="E151" s="14"/>
      <c r="F151" s="15"/>
    </row>
    <row r="152" spans="2:6" x14ac:dyDescent="0.2">
      <c r="B152" s="14"/>
      <c r="C152" s="14"/>
      <c r="D152" s="14"/>
      <c r="E152" s="14"/>
      <c r="F152" s="15"/>
    </row>
    <row r="153" spans="2:6" x14ac:dyDescent="0.2">
      <c r="B153" s="14"/>
      <c r="C153" s="14"/>
      <c r="D153" s="14"/>
      <c r="E153" s="14"/>
      <c r="F153" s="15"/>
    </row>
    <row r="154" spans="2:6" x14ac:dyDescent="0.2">
      <c r="B154" s="14"/>
      <c r="C154" s="14"/>
      <c r="D154" s="14"/>
      <c r="E154" s="14"/>
      <c r="F154" s="15"/>
    </row>
    <row r="155" spans="2:6" x14ac:dyDescent="0.2">
      <c r="B155" s="14"/>
      <c r="C155" s="14"/>
      <c r="D155" s="14"/>
      <c r="E155" s="14"/>
      <c r="F155" s="15"/>
    </row>
    <row r="156" spans="2:6" x14ac:dyDescent="0.2">
      <c r="B156" s="14"/>
      <c r="C156" s="14"/>
      <c r="D156" s="14"/>
      <c r="E156" s="14"/>
      <c r="F156" s="15"/>
    </row>
    <row r="157" spans="2:6" x14ac:dyDescent="0.2">
      <c r="B157" s="14"/>
      <c r="C157" s="14"/>
      <c r="D157" s="14"/>
      <c r="E157" s="14"/>
      <c r="F157" s="15"/>
    </row>
    <row r="158" spans="2:6" x14ac:dyDescent="0.2">
      <c r="B158" s="14"/>
      <c r="C158" s="14"/>
      <c r="D158" s="14"/>
      <c r="E158" s="14"/>
      <c r="F158" s="15"/>
    </row>
    <row r="159" spans="2:6" x14ac:dyDescent="0.2">
      <c r="B159" s="14"/>
      <c r="C159" s="14"/>
      <c r="D159" s="14"/>
      <c r="E159" s="14"/>
      <c r="F159" s="15"/>
    </row>
    <row r="160" spans="2:6" x14ac:dyDescent="0.2">
      <c r="B160" s="14"/>
      <c r="C160" s="14"/>
      <c r="D160" s="14"/>
      <c r="E160" s="14"/>
      <c r="F160" s="15"/>
    </row>
    <row r="161" spans="2:6" x14ac:dyDescent="0.2">
      <c r="B161" s="14"/>
      <c r="C161" s="14"/>
      <c r="D161" s="14"/>
      <c r="E161" s="14"/>
      <c r="F161" s="15"/>
    </row>
    <row r="162" spans="2:6" x14ac:dyDescent="0.2">
      <c r="B162" s="14"/>
      <c r="C162" s="14"/>
      <c r="D162" s="14"/>
      <c r="E162" s="14"/>
      <c r="F162" s="15"/>
    </row>
    <row r="163" spans="2:6" x14ac:dyDescent="0.2">
      <c r="B163" s="14"/>
      <c r="C163" s="14"/>
      <c r="D163" s="14"/>
      <c r="E163" s="14"/>
      <c r="F163" s="15"/>
    </row>
    <row r="164" spans="2:6" x14ac:dyDescent="0.2">
      <c r="B164" s="14"/>
      <c r="C164" s="14"/>
      <c r="D164" s="14"/>
      <c r="E164" s="14"/>
      <c r="F164" s="15"/>
    </row>
    <row r="165" spans="2:6" x14ac:dyDescent="0.2">
      <c r="B165" s="14"/>
      <c r="C165" s="14"/>
      <c r="D165" s="14"/>
      <c r="E165" s="14"/>
      <c r="F165" s="15"/>
    </row>
    <row r="166" spans="2:6" x14ac:dyDescent="0.2">
      <c r="B166" s="14"/>
      <c r="C166" s="14"/>
      <c r="D166" s="14"/>
      <c r="E166" s="14"/>
      <c r="F166" s="15"/>
    </row>
    <row r="167" spans="2:6" x14ac:dyDescent="0.2">
      <c r="B167" s="14"/>
      <c r="C167" s="14"/>
      <c r="D167" s="14"/>
      <c r="E167" s="14"/>
      <c r="F167" s="15"/>
    </row>
    <row r="168" spans="2:6" x14ac:dyDescent="0.2">
      <c r="B168" s="14"/>
      <c r="C168" s="14"/>
      <c r="D168" s="14"/>
      <c r="E168" s="14"/>
      <c r="F168" s="15"/>
    </row>
    <row r="169" spans="2:6" x14ac:dyDescent="0.2">
      <c r="B169" s="14"/>
      <c r="C169" s="14"/>
      <c r="D169" s="14"/>
      <c r="E169" s="14"/>
      <c r="F169" s="15"/>
    </row>
    <row r="170" spans="2:6" x14ac:dyDescent="0.2">
      <c r="B170" s="14"/>
      <c r="C170" s="14"/>
      <c r="D170" s="14"/>
      <c r="E170" s="14"/>
      <c r="F170" s="15"/>
    </row>
    <row r="171" spans="2:6" x14ac:dyDescent="0.2">
      <c r="B171" s="14"/>
      <c r="C171" s="14"/>
      <c r="D171" s="14"/>
      <c r="E171" s="14"/>
      <c r="F171" s="15"/>
    </row>
    <row r="172" spans="2:6" x14ac:dyDescent="0.2">
      <c r="B172" s="14"/>
      <c r="C172" s="14"/>
      <c r="D172" s="14"/>
      <c r="E172" s="14"/>
      <c r="F172" s="15"/>
    </row>
    <row r="173" spans="2:6" x14ac:dyDescent="0.2">
      <c r="B173" s="14"/>
      <c r="C173" s="14"/>
      <c r="D173" s="14"/>
      <c r="E173" s="14"/>
      <c r="F173" s="15"/>
    </row>
    <row r="174" spans="2:6" x14ac:dyDescent="0.2">
      <c r="B174" s="14"/>
      <c r="C174" s="14"/>
      <c r="D174" s="14"/>
      <c r="E174" s="14"/>
      <c r="F174" s="15"/>
    </row>
    <row r="175" spans="2:6" x14ac:dyDescent="0.2">
      <c r="B175" s="14"/>
      <c r="C175" s="14"/>
      <c r="D175" s="14"/>
      <c r="E175" s="14"/>
      <c r="F175" s="15"/>
    </row>
    <row r="176" spans="2:6" x14ac:dyDescent="0.2">
      <c r="B176" s="14"/>
      <c r="C176" s="14"/>
      <c r="D176" s="14"/>
      <c r="E176" s="14"/>
      <c r="F176" s="15"/>
    </row>
    <row r="177" spans="2:6" x14ac:dyDescent="0.2">
      <c r="B177" s="14"/>
      <c r="C177" s="14"/>
      <c r="D177" s="14"/>
      <c r="E177" s="14"/>
      <c r="F177" s="15"/>
    </row>
    <row r="178" spans="2:6" x14ac:dyDescent="0.2">
      <c r="B178" s="14"/>
      <c r="C178" s="14"/>
      <c r="D178" s="14"/>
      <c r="E178" s="14"/>
      <c r="F178" s="15"/>
    </row>
    <row r="179" spans="2:6" x14ac:dyDescent="0.2">
      <c r="B179" s="14"/>
      <c r="C179" s="14"/>
      <c r="D179" s="14"/>
      <c r="E179" s="14"/>
      <c r="F179" s="15"/>
    </row>
  </sheetData>
  <phoneticPr fontId="0" type="noConversion"/>
  <conditionalFormatting sqref="D8">
    <cfRule type="duplicateValues" dxfId="503" priority="448"/>
    <cfRule type="duplicateValues" dxfId="502" priority="449"/>
  </conditionalFormatting>
  <conditionalFormatting sqref="D9">
    <cfRule type="duplicateValues" dxfId="501" priority="446"/>
    <cfRule type="duplicateValues" dxfId="500" priority="447"/>
  </conditionalFormatting>
  <conditionalFormatting sqref="D10">
    <cfRule type="duplicateValues" dxfId="499" priority="445"/>
  </conditionalFormatting>
  <conditionalFormatting sqref="D11">
    <cfRule type="duplicateValues" dxfId="498" priority="444"/>
  </conditionalFormatting>
  <conditionalFormatting sqref="D12">
    <cfRule type="duplicateValues" dxfId="497" priority="442"/>
    <cfRule type="duplicateValues" dxfId="496" priority="443"/>
  </conditionalFormatting>
  <conditionalFormatting sqref="D13">
    <cfRule type="duplicateValues" dxfId="495" priority="441"/>
  </conditionalFormatting>
  <conditionalFormatting sqref="D14">
    <cfRule type="duplicateValues" dxfId="494" priority="440"/>
  </conditionalFormatting>
  <conditionalFormatting sqref="D15">
    <cfRule type="duplicateValues" dxfId="493" priority="439"/>
    <cfRule type="duplicateValues" dxfId="492" priority="438"/>
  </conditionalFormatting>
  <conditionalFormatting sqref="D16">
    <cfRule type="duplicateValues" dxfId="491" priority="437"/>
    <cfRule type="duplicateValues" dxfId="490" priority="436"/>
  </conditionalFormatting>
  <conditionalFormatting sqref="D17">
    <cfRule type="duplicateValues" dxfId="489" priority="433" stopIfTrue="1"/>
    <cfRule type="duplicateValues" dxfId="488" priority="435" stopIfTrue="1"/>
    <cfRule type="duplicateValues" dxfId="487" priority="434" stopIfTrue="1"/>
    <cfRule type="duplicateValues" dxfId="486" priority="432"/>
    <cfRule type="duplicateValues" dxfId="485" priority="431"/>
  </conditionalFormatting>
  <conditionalFormatting sqref="D18">
    <cfRule type="duplicateValues" dxfId="484" priority="430"/>
    <cfRule type="duplicateValues" dxfId="483" priority="429"/>
  </conditionalFormatting>
  <conditionalFormatting sqref="D19">
    <cfRule type="duplicateValues" dxfId="482" priority="428"/>
  </conditionalFormatting>
  <conditionalFormatting sqref="D20">
    <cfRule type="duplicateValues" dxfId="481" priority="427"/>
  </conditionalFormatting>
  <conditionalFormatting sqref="D21">
    <cfRule type="duplicateValues" dxfId="480" priority="426"/>
  </conditionalFormatting>
  <conditionalFormatting sqref="D22">
    <cfRule type="duplicateValues" dxfId="479" priority="425"/>
    <cfRule type="duplicateValues" dxfId="478" priority="424"/>
  </conditionalFormatting>
  <conditionalFormatting sqref="D23">
    <cfRule type="duplicateValues" dxfId="477" priority="423"/>
    <cfRule type="duplicateValues" dxfId="476" priority="422"/>
  </conditionalFormatting>
  <conditionalFormatting sqref="D24">
    <cfRule type="duplicateValues" dxfId="475" priority="421"/>
    <cfRule type="duplicateValues" dxfId="474" priority="420"/>
  </conditionalFormatting>
  <conditionalFormatting sqref="D25">
    <cfRule type="duplicateValues" dxfId="473" priority="419"/>
  </conditionalFormatting>
  <conditionalFormatting sqref="D26">
    <cfRule type="duplicateValues" dxfId="472" priority="418"/>
  </conditionalFormatting>
  <conditionalFormatting sqref="D27">
    <cfRule type="duplicateValues" dxfId="471" priority="417"/>
  </conditionalFormatting>
  <conditionalFormatting sqref="D28">
    <cfRule type="duplicateValues" dxfId="470" priority="416"/>
  </conditionalFormatting>
  <conditionalFormatting sqref="D29">
    <cfRule type="duplicateValues" dxfId="469" priority="415"/>
  </conditionalFormatting>
  <conditionalFormatting sqref="D30">
    <cfRule type="duplicateValues" dxfId="468" priority="413"/>
    <cfRule type="duplicateValues" dxfId="467" priority="414"/>
  </conditionalFormatting>
  <conditionalFormatting sqref="D31">
    <cfRule type="duplicateValues" dxfId="466" priority="412"/>
  </conditionalFormatting>
  <conditionalFormatting sqref="D32">
    <cfRule type="duplicateValues" dxfId="465" priority="408"/>
    <cfRule type="duplicateValues" dxfId="464" priority="407"/>
    <cfRule type="duplicateValues" dxfId="463" priority="410" stopIfTrue="1"/>
    <cfRule type="duplicateValues" dxfId="462" priority="411" stopIfTrue="1"/>
    <cfRule type="duplicateValues" dxfId="461" priority="409" stopIfTrue="1"/>
  </conditionalFormatting>
  <conditionalFormatting sqref="D33">
    <cfRule type="duplicateValues" dxfId="460" priority="406"/>
  </conditionalFormatting>
  <conditionalFormatting sqref="D34">
    <cfRule type="duplicateValues" dxfId="459" priority="405"/>
    <cfRule type="duplicateValues" dxfId="458" priority="404"/>
  </conditionalFormatting>
  <conditionalFormatting sqref="D35">
    <cfRule type="duplicateValues" dxfId="457" priority="402"/>
    <cfRule type="duplicateValues" dxfId="456" priority="403"/>
  </conditionalFormatting>
  <conditionalFormatting sqref="D40">
    <cfRule type="duplicateValues" dxfId="455" priority="220"/>
    <cfRule type="duplicateValues" dxfId="454" priority="221"/>
  </conditionalFormatting>
  <conditionalFormatting sqref="D41">
    <cfRule type="duplicateValues" dxfId="453" priority="219"/>
  </conditionalFormatting>
  <conditionalFormatting sqref="D42">
    <cfRule type="duplicateValues" dxfId="452" priority="216"/>
  </conditionalFormatting>
  <conditionalFormatting sqref="D43">
    <cfRule type="duplicateValues" dxfId="451" priority="218"/>
    <cfRule type="duplicateValues" dxfId="450" priority="217"/>
  </conditionalFormatting>
  <conditionalFormatting sqref="D44">
    <cfRule type="duplicateValues" dxfId="449" priority="215"/>
  </conditionalFormatting>
  <conditionalFormatting sqref="D45">
    <cfRule type="duplicateValues" dxfId="448" priority="214"/>
  </conditionalFormatting>
  <conditionalFormatting sqref="D46">
    <cfRule type="duplicateValues" dxfId="447" priority="213"/>
  </conditionalFormatting>
  <conditionalFormatting sqref="D47">
    <cfRule type="duplicateValues" dxfId="446" priority="212"/>
    <cfRule type="duplicateValues" dxfId="445" priority="211"/>
  </conditionalFormatting>
  <conditionalFormatting sqref="D48">
    <cfRule type="duplicateValues" dxfId="444" priority="210"/>
  </conditionalFormatting>
  <conditionalFormatting sqref="D49">
    <cfRule type="duplicateValues" dxfId="443" priority="209"/>
  </conditionalFormatting>
  <conditionalFormatting sqref="D50">
    <cfRule type="duplicateValues" dxfId="442" priority="208"/>
    <cfRule type="duplicateValues" dxfId="441" priority="207"/>
  </conditionalFormatting>
  <conditionalFormatting sqref="D51">
    <cfRule type="duplicateValues" dxfId="440" priority="206"/>
  </conditionalFormatting>
  <conditionalFormatting sqref="D52">
    <cfRule type="duplicateValues" dxfId="439" priority="205"/>
  </conditionalFormatting>
  <conditionalFormatting sqref="D53">
    <cfRule type="duplicateValues" dxfId="438" priority="204"/>
    <cfRule type="duplicateValues" dxfId="437" priority="203"/>
  </conditionalFormatting>
  <conditionalFormatting sqref="D54">
    <cfRule type="duplicateValues" dxfId="436" priority="201"/>
    <cfRule type="duplicateValues" dxfId="435" priority="202"/>
  </conditionalFormatting>
  <conditionalFormatting sqref="D55">
    <cfRule type="duplicateValues" dxfId="434" priority="199"/>
    <cfRule type="duplicateValues" dxfId="433" priority="200"/>
  </conditionalFormatting>
  <conditionalFormatting sqref="D56">
    <cfRule type="duplicateValues" dxfId="432" priority="198"/>
  </conditionalFormatting>
  <conditionalFormatting sqref="D57">
    <cfRule type="duplicateValues" dxfId="431" priority="197"/>
    <cfRule type="duplicateValues" dxfId="430" priority="196"/>
  </conditionalFormatting>
  <conditionalFormatting sqref="D58">
    <cfRule type="duplicateValues" dxfId="429" priority="194"/>
    <cfRule type="duplicateValues" dxfId="428" priority="195"/>
  </conditionalFormatting>
  <conditionalFormatting sqref="D59">
    <cfRule type="duplicateValues" dxfId="427" priority="169"/>
    <cfRule type="duplicateValues" dxfId="426" priority="170"/>
  </conditionalFormatting>
  <conditionalFormatting sqref="D60">
    <cfRule type="duplicateValues" dxfId="425" priority="193"/>
  </conditionalFormatting>
  <conditionalFormatting sqref="D61">
    <cfRule type="duplicateValues" dxfId="424" priority="192"/>
    <cfRule type="duplicateValues" dxfId="423" priority="191"/>
  </conditionalFormatting>
  <conditionalFormatting sqref="D62">
    <cfRule type="duplicateValues" dxfId="422" priority="190"/>
  </conditionalFormatting>
  <conditionalFormatting sqref="D63">
    <cfRule type="duplicateValues" dxfId="421" priority="168"/>
    <cfRule type="duplicateValues" dxfId="420" priority="167"/>
  </conditionalFormatting>
  <conditionalFormatting sqref="D64">
    <cfRule type="duplicateValues" dxfId="419" priority="189"/>
    <cfRule type="duplicateValues" dxfId="418" priority="188"/>
  </conditionalFormatting>
  <conditionalFormatting sqref="D65">
    <cfRule type="duplicateValues" dxfId="417" priority="185"/>
  </conditionalFormatting>
  <conditionalFormatting sqref="D66">
    <cfRule type="duplicateValues" dxfId="416" priority="182"/>
    <cfRule type="duplicateValues" dxfId="415" priority="181"/>
  </conditionalFormatting>
  <conditionalFormatting sqref="D67">
    <cfRule type="duplicateValues" dxfId="414" priority="186"/>
    <cfRule type="duplicateValues" dxfId="413" priority="187"/>
  </conditionalFormatting>
  <conditionalFormatting sqref="F47:G47">
    <cfRule type="duplicateValues" dxfId="412" priority="582" stopIfTrue="1"/>
  </conditionalFormatting>
  <conditionalFormatting sqref="H9">
    <cfRule type="duplicateValues" dxfId="411" priority="401"/>
  </conditionalFormatting>
  <conditionalFormatting sqref="H10">
    <cfRule type="duplicateValues" dxfId="410" priority="400"/>
  </conditionalFormatting>
  <conditionalFormatting sqref="H11">
    <cfRule type="duplicateValues" dxfId="409" priority="399"/>
    <cfRule type="duplicateValues" dxfId="408" priority="398"/>
  </conditionalFormatting>
  <conditionalFormatting sqref="H12">
    <cfRule type="duplicateValues" dxfId="407" priority="397"/>
  </conditionalFormatting>
  <conditionalFormatting sqref="H13">
    <cfRule type="duplicateValues" dxfId="406" priority="395"/>
    <cfRule type="duplicateValues" dxfId="405" priority="396"/>
  </conditionalFormatting>
  <conditionalFormatting sqref="H14">
    <cfRule type="duplicateValues" dxfId="404" priority="394"/>
  </conditionalFormatting>
  <conditionalFormatting sqref="H15">
    <cfRule type="duplicateValues" dxfId="403" priority="392"/>
  </conditionalFormatting>
  <conditionalFormatting sqref="H16">
    <cfRule type="duplicateValues" dxfId="402" priority="393"/>
  </conditionalFormatting>
  <conditionalFormatting sqref="H17">
    <cfRule type="duplicateValues" dxfId="401" priority="390"/>
    <cfRule type="duplicateValues" dxfId="400" priority="391"/>
  </conditionalFormatting>
  <conditionalFormatting sqref="H18">
    <cfRule type="duplicateValues" dxfId="399" priority="389"/>
  </conditionalFormatting>
  <conditionalFormatting sqref="H19">
    <cfRule type="duplicateValues" dxfId="398" priority="388"/>
  </conditionalFormatting>
  <conditionalFormatting sqref="H20">
    <cfRule type="duplicateValues" dxfId="397" priority="386"/>
    <cfRule type="duplicateValues" dxfId="396" priority="387"/>
  </conditionalFormatting>
  <conditionalFormatting sqref="H21">
    <cfRule type="duplicateValues" dxfId="395" priority="385"/>
  </conditionalFormatting>
  <conditionalFormatting sqref="H22">
    <cfRule type="duplicateValues" dxfId="394" priority="384"/>
  </conditionalFormatting>
  <conditionalFormatting sqref="H23">
    <cfRule type="duplicateValues" dxfId="393" priority="383"/>
    <cfRule type="duplicateValues" dxfId="392" priority="382"/>
  </conditionalFormatting>
  <conditionalFormatting sqref="H24">
    <cfRule type="duplicateValues" dxfId="391" priority="381"/>
    <cfRule type="duplicateValues" dxfId="390" priority="380"/>
  </conditionalFormatting>
  <conditionalFormatting sqref="H25">
    <cfRule type="duplicateValues" dxfId="389" priority="379"/>
  </conditionalFormatting>
  <conditionalFormatting sqref="H26">
    <cfRule type="duplicateValues" dxfId="388" priority="378"/>
    <cfRule type="duplicateValues" dxfId="387" priority="377"/>
  </conditionalFormatting>
  <conditionalFormatting sqref="H27">
    <cfRule type="duplicateValues" dxfId="386" priority="375"/>
    <cfRule type="duplicateValues" dxfId="385" priority="376"/>
  </conditionalFormatting>
  <conditionalFormatting sqref="H28 J28">
    <cfRule type="duplicateValues" dxfId="384" priority="374"/>
  </conditionalFormatting>
  <conditionalFormatting sqref="H29">
    <cfRule type="duplicateValues" dxfId="383" priority="373"/>
    <cfRule type="duplicateValues" dxfId="382" priority="372"/>
  </conditionalFormatting>
  <conditionalFormatting sqref="H30">
    <cfRule type="duplicateValues" dxfId="381" priority="371"/>
  </conditionalFormatting>
  <conditionalFormatting sqref="H31">
    <cfRule type="duplicateValues" dxfId="380" priority="369"/>
    <cfRule type="duplicateValues" dxfId="379" priority="370"/>
  </conditionalFormatting>
  <conditionalFormatting sqref="H32">
    <cfRule type="duplicateValues" dxfId="378" priority="368"/>
  </conditionalFormatting>
  <conditionalFormatting sqref="H33">
    <cfRule type="duplicateValues" dxfId="377" priority="366"/>
    <cfRule type="duplicateValues" dxfId="376" priority="367"/>
  </conditionalFormatting>
  <conditionalFormatting sqref="H34">
    <cfRule type="duplicateValues" dxfId="375" priority="365"/>
  </conditionalFormatting>
  <conditionalFormatting sqref="H35">
    <cfRule type="duplicateValues" dxfId="374" priority="364"/>
  </conditionalFormatting>
  <conditionalFormatting sqref="H40">
    <cfRule type="duplicateValues" dxfId="373" priority="178"/>
  </conditionalFormatting>
  <conditionalFormatting sqref="H41">
    <cfRule type="duplicateValues" dxfId="372" priority="184"/>
    <cfRule type="duplicateValues" dxfId="371" priority="183"/>
  </conditionalFormatting>
  <conditionalFormatting sqref="H42">
    <cfRule type="duplicateValues" dxfId="370" priority="179"/>
  </conditionalFormatting>
  <conditionalFormatting sqref="H43">
    <cfRule type="duplicateValues" dxfId="369" priority="180"/>
  </conditionalFormatting>
  <conditionalFormatting sqref="H44">
    <cfRule type="duplicateValues" dxfId="368" priority="177"/>
    <cfRule type="duplicateValues" dxfId="367" priority="176"/>
  </conditionalFormatting>
  <conditionalFormatting sqref="H45">
    <cfRule type="duplicateValues" dxfId="366" priority="175"/>
  </conditionalFormatting>
  <conditionalFormatting sqref="H46">
    <cfRule type="duplicateValues" dxfId="365" priority="174"/>
  </conditionalFormatting>
  <conditionalFormatting sqref="H47">
    <cfRule type="duplicateValues" dxfId="364" priority="165"/>
    <cfRule type="duplicateValues" dxfId="363" priority="166"/>
  </conditionalFormatting>
  <conditionalFormatting sqref="H48">
    <cfRule type="duplicateValues" dxfId="362" priority="173"/>
  </conditionalFormatting>
  <conditionalFormatting sqref="H49">
    <cfRule type="duplicateValues" dxfId="361" priority="171"/>
    <cfRule type="duplicateValues" dxfId="360" priority="172"/>
  </conditionalFormatting>
  <conditionalFormatting sqref="H50">
    <cfRule type="duplicateValues" dxfId="359" priority="164"/>
  </conditionalFormatting>
  <conditionalFormatting sqref="H51">
    <cfRule type="duplicateValues" dxfId="358" priority="143"/>
    <cfRule type="duplicateValues" dxfId="357" priority="144"/>
  </conditionalFormatting>
  <conditionalFormatting sqref="H52">
    <cfRule type="duplicateValues" dxfId="356" priority="134"/>
    <cfRule type="duplicateValues" dxfId="355" priority="135"/>
  </conditionalFormatting>
  <conditionalFormatting sqref="H53">
    <cfRule type="duplicateValues" dxfId="354" priority="162"/>
    <cfRule type="duplicateValues" dxfId="353" priority="163"/>
  </conditionalFormatting>
  <conditionalFormatting sqref="H54">
    <cfRule type="duplicateValues" dxfId="352" priority="160"/>
    <cfRule type="duplicateValues" dxfId="351" priority="161"/>
  </conditionalFormatting>
  <conditionalFormatting sqref="H55">
    <cfRule type="duplicateValues" dxfId="350" priority="140"/>
  </conditionalFormatting>
  <conditionalFormatting sqref="H56">
    <cfRule type="duplicateValues" dxfId="349" priority="142"/>
  </conditionalFormatting>
  <conditionalFormatting sqref="H57">
    <cfRule type="duplicateValues" dxfId="348" priority="141"/>
  </conditionalFormatting>
  <conditionalFormatting sqref="H58">
    <cfRule type="duplicateValues" dxfId="347" priority="159"/>
  </conditionalFormatting>
  <conditionalFormatting sqref="H59">
    <cfRule type="duplicateValues" dxfId="346" priority="158"/>
  </conditionalFormatting>
  <conditionalFormatting sqref="H60">
    <cfRule type="duplicateValues" dxfId="345" priority="138"/>
    <cfRule type="duplicateValues" dxfId="344" priority="139"/>
  </conditionalFormatting>
  <conditionalFormatting sqref="H61">
    <cfRule type="duplicateValues" dxfId="343" priority="157"/>
    <cfRule type="duplicateValues" dxfId="342" priority="156"/>
  </conditionalFormatting>
  <conditionalFormatting sqref="H62">
    <cfRule type="duplicateValues" dxfId="341" priority="136"/>
    <cfRule type="duplicateValues" dxfId="340" priority="137"/>
  </conditionalFormatting>
  <conditionalFormatting sqref="H63">
    <cfRule type="duplicateValues" dxfId="339" priority="155"/>
    <cfRule type="duplicateValues" dxfId="338" priority="154"/>
  </conditionalFormatting>
  <conditionalFormatting sqref="H64">
    <cfRule type="duplicateValues" dxfId="337" priority="150"/>
    <cfRule type="duplicateValues" dxfId="336" priority="153" stopIfTrue="1"/>
    <cfRule type="duplicateValues" dxfId="335" priority="152" stopIfTrue="1"/>
    <cfRule type="duplicateValues" dxfId="334" priority="151" stopIfTrue="1"/>
  </conditionalFormatting>
  <conditionalFormatting sqref="H65">
    <cfRule type="duplicateValues" dxfId="333" priority="147"/>
  </conditionalFormatting>
  <conditionalFormatting sqref="H66">
    <cfRule type="duplicateValues" dxfId="332" priority="148"/>
    <cfRule type="duplicateValues" dxfId="331" priority="149"/>
  </conditionalFormatting>
  <conditionalFormatting sqref="H67">
    <cfRule type="duplicateValues" dxfId="330" priority="146"/>
    <cfRule type="duplicateValues" dxfId="329" priority="145"/>
  </conditionalFormatting>
  <conditionalFormatting sqref="L8">
    <cfRule type="duplicateValues" dxfId="328" priority="363"/>
    <cfRule type="duplicateValues" dxfId="327" priority="362"/>
  </conditionalFormatting>
  <conditionalFormatting sqref="L9">
    <cfRule type="duplicateValues" dxfId="326" priority="360"/>
    <cfRule type="duplicateValues" dxfId="325" priority="361"/>
  </conditionalFormatting>
  <conditionalFormatting sqref="L10">
    <cfRule type="duplicateValues" dxfId="324" priority="359"/>
  </conditionalFormatting>
  <conditionalFormatting sqref="L11">
    <cfRule type="duplicateValues" dxfId="323" priority="358"/>
    <cfRule type="duplicateValues" dxfId="322" priority="357"/>
  </conditionalFormatting>
  <conditionalFormatting sqref="L12">
    <cfRule type="duplicateValues" dxfId="321" priority="356"/>
  </conditionalFormatting>
  <conditionalFormatting sqref="L13">
    <cfRule type="duplicateValues" dxfId="320" priority="355"/>
  </conditionalFormatting>
  <conditionalFormatting sqref="L14">
    <cfRule type="duplicateValues" dxfId="319" priority="354"/>
  </conditionalFormatting>
  <conditionalFormatting sqref="L15">
    <cfRule type="duplicateValues" dxfId="318" priority="352"/>
    <cfRule type="duplicateValues" dxfId="317" priority="353"/>
  </conditionalFormatting>
  <conditionalFormatting sqref="L16">
    <cfRule type="duplicateValues" dxfId="316" priority="351"/>
  </conditionalFormatting>
  <conditionalFormatting sqref="L17">
    <cfRule type="duplicateValues" dxfId="315" priority="348"/>
    <cfRule type="duplicateValues" dxfId="314" priority="347"/>
  </conditionalFormatting>
  <conditionalFormatting sqref="L18">
    <cfRule type="duplicateValues" dxfId="313" priority="349"/>
    <cfRule type="duplicateValues" dxfId="312" priority="350"/>
  </conditionalFormatting>
  <conditionalFormatting sqref="L19">
    <cfRule type="duplicateValues" dxfId="311" priority="345"/>
    <cfRule type="duplicateValues" dxfId="310" priority="346"/>
  </conditionalFormatting>
  <conditionalFormatting sqref="L20">
    <cfRule type="duplicateValues" dxfId="309" priority="344"/>
    <cfRule type="duplicateValues" dxfId="308" priority="343"/>
  </conditionalFormatting>
  <conditionalFormatting sqref="L21">
    <cfRule type="duplicateValues" dxfId="307" priority="341"/>
  </conditionalFormatting>
  <conditionalFormatting sqref="L22">
    <cfRule type="duplicateValues" dxfId="306" priority="339" stopIfTrue="1"/>
    <cfRule type="duplicateValues" dxfId="305" priority="340" stopIfTrue="1"/>
    <cfRule type="duplicateValues" dxfId="304" priority="336"/>
    <cfRule type="duplicateValues" dxfId="303" priority="337"/>
    <cfRule type="duplicateValues" dxfId="302" priority="338" stopIfTrue="1"/>
  </conditionalFormatting>
  <conditionalFormatting sqref="L23">
    <cfRule type="duplicateValues" dxfId="301" priority="334"/>
    <cfRule type="duplicateValues" dxfId="300" priority="335"/>
  </conditionalFormatting>
  <conditionalFormatting sqref="L24">
    <cfRule type="duplicateValues" dxfId="299" priority="333"/>
  </conditionalFormatting>
  <conditionalFormatting sqref="L25">
    <cfRule type="duplicateValues" dxfId="298" priority="332"/>
  </conditionalFormatting>
  <conditionalFormatting sqref="L26">
    <cfRule type="duplicateValues" dxfId="297" priority="330"/>
    <cfRule type="duplicateValues" dxfId="296" priority="331"/>
  </conditionalFormatting>
  <conditionalFormatting sqref="L27">
    <cfRule type="duplicateValues" dxfId="295" priority="329"/>
    <cfRule type="duplicateValues" dxfId="294" priority="328"/>
  </conditionalFormatting>
  <conditionalFormatting sqref="L28">
    <cfRule type="duplicateValues" dxfId="293" priority="327"/>
    <cfRule type="duplicateValues" dxfId="292" priority="326"/>
  </conditionalFormatting>
  <conditionalFormatting sqref="L29">
    <cfRule type="duplicateValues" dxfId="291" priority="325"/>
  </conditionalFormatting>
  <conditionalFormatting sqref="L30">
    <cfRule type="duplicateValues" dxfId="290" priority="316"/>
    <cfRule type="duplicateValues" dxfId="289" priority="315"/>
  </conditionalFormatting>
  <conditionalFormatting sqref="L31">
    <cfRule type="duplicateValues" dxfId="288" priority="324"/>
  </conditionalFormatting>
  <conditionalFormatting sqref="L32">
    <cfRule type="duplicateValues" dxfId="287" priority="323"/>
    <cfRule type="duplicateValues" dxfId="286" priority="322"/>
  </conditionalFormatting>
  <conditionalFormatting sqref="L33">
    <cfRule type="duplicateValues" dxfId="285" priority="318"/>
    <cfRule type="duplicateValues" dxfId="284" priority="319"/>
  </conditionalFormatting>
  <conditionalFormatting sqref="L34">
    <cfRule type="duplicateValues" dxfId="283" priority="317"/>
  </conditionalFormatting>
  <conditionalFormatting sqref="L35">
    <cfRule type="duplicateValues" dxfId="282" priority="314"/>
    <cfRule type="duplicateValues" dxfId="281" priority="313"/>
  </conditionalFormatting>
  <conditionalFormatting sqref="L40">
    <cfRule type="duplicateValues" dxfId="280" priority="133"/>
    <cfRule type="duplicateValues" dxfId="279" priority="132"/>
  </conditionalFormatting>
  <conditionalFormatting sqref="L41">
    <cfRule type="duplicateValues" dxfId="278" priority="131"/>
  </conditionalFormatting>
  <conditionalFormatting sqref="L42">
    <cfRule type="duplicateValues" dxfId="277" priority="130"/>
  </conditionalFormatting>
  <conditionalFormatting sqref="L43">
    <cfRule type="duplicateValues" dxfId="276" priority="89"/>
    <cfRule type="duplicateValues" dxfId="275" priority="90"/>
  </conditionalFormatting>
  <conditionalFormatting sqref="L44">
    <cfRule type="duplicateValues" dxfId="274" priority="129"/>
  </conditionalFormatting>
  <conditionalFormatting sqref="L45">
    <cfRule type="duplicateValues" dxfId="273" priority="128"/>
  </conditionalFormatting>
  <conditionalFormatting sqref="L46">
    <cfRule type="duplicateValues" dxfId="272" priority="127"/>
    <cfRule type="duplicateValues" dxfId="271" priority="126"/>
  </conditionalFormatting>
  <conditionalFormatting sqref="L47">
    <cfRule type="duplicateValues" dxfId="270" priority="124"/>
    <cfRule type="duplicateValues" dxfId="269" priority="125"/>
  </conditionalFormatting>
  <conditionalFormatting sqref="L48">
    <cfRule type="duplicateValues" dxfId="268" priority="123"/>
  </conditionalFormatting>
  <conditionalFormatting sqref="L49">
    <cfRule type="duplicateValues" dxfId="267" priority="121"/>
  </conditionalFormatting>
  <conditionalFormatting sqref="L50">
    <cfRule type="duplicateValues" dxfId="266" priority="122"/>
  </conditionalFormatting>
  <conditionalFormatting sqref="L51">
    <cfRule type="duplicateValues" dxfId="265" priority="46"/>
  </conditionalFormatting>
  <conditionalFormatting sqref="L52">
    <cfRule type="duplicateValues" dxfId="264" priority="113"/>
  </conditionalFormatting>
  <conditionalFormatting sqref="L53">
    <cfRule type="duplicateValues" dxfId="263" priority="120"/>
    <cfRule type="duplicateValues" dxfId="262" priority="119"/>
  </conditionalFormatting>
  <conditionalFormatting sqref="L54">
    <cfRule type="duplicateValues" dxfId="261" priority="118"/>
  </conditionalFormatting>
  <conditionalFormatting sqref="L55">
    <cfRule type="duplicateValues" dxfId="260" priority="116"/>
    <cfRule type="duplicateValues" dxfId="259" priority="117"/>
  </conditionalFormatting>
  <conditionalFormatting sqref="L56">
    <cfRule type="duplicateValues" dxfId="258" priority="115"/>
    <cfRule type="duplicateValues" dxfId="257" priority="114"/>
  </conditionalFormatting>
  <conditionalFormatting sqref="L57">
    <cfRule type="duplicateValues" dxfId="256" priority="111"/>
    <cfRule type="duplicateValues" dxfId="255" priority="112"/>
  </conditionalFormatting>
  <conditionalFormatting sqref="L58">
    <cfRule type="duplicateValues" dxfId="254" priority="108"/>
  </conditionalFormatting>
  <conditionalFormatting sqref="L59">
    <cfRule type="duplicateValues" dxfId="253" priority="66"/>
  </conditionalFormatting>
  <conditionalFormatting sqref="L60">
    <cfRule type="duplicateValues" dxfId="252" priority="109"/>
    <cfRule type="duplicateValues" dxfId="251" priority="110"/>
  </conditionalFormatting>
  <conditionalFormatting sqref="L61">
    <cfRule type="duplicateValues" dxfId="250" priority="106"/>
    <cfRule type="duplicateValues" dxfId="249" priority="107"/>
  </conditionalFormatting>
  <conditionalFormatting sqref="L62">
    <cfRule type="duplicateValues" dxfId="248" priority="43"/>
  </conditionalFormatting>
  <conditionalFormatting sqref="L63">
    <cfRule type="duplicateValues" dxfId="247" priority="105"/>
  </conditionalFormatting>
  <conditionalFormatting sqref="L64">
    <cfRule type="duplicateValues" dxfId="246" priority="103"/>
    <cfRule type="duplicateValues" dxfId="245" priority="104"/>
  </conditionalFormatting>
  <conditionalFormatting sqref="L65">
    <cfRule type="duplicateValues" dxfId="244" priority="101"/>
    <cfRule type="duplicateValues" dxfId="243" priority="102"/>
  </conditionalFormatting>
  <conditionalFormatting sqref="L66">
    <cfRule type="duplicateValues" dxfId="242" priority="100"/>
    <cfRule type="duplicateValues" dxfId="241" priority="99"/>
  </conditionalFormatting>
  <conditionalFormatting sqref="L67">
    <cfRule type="duplicateValues" dxfId="240" priority="58"/>
    <cfRule type="duplicateValues" dxfId="239" priority="57"/>
  </conditionalFormatting>
  <conditionalFormatting sqref="N16">
    <cfRule type="duplicateValues" dxfId="238" priority="665" stopIfTrue="1"/>
  </conditionalFormatting>
  <conditionalFormatting sqref="P8">
    <cfRule type="duplicateValues" dxfId="237" priority="312"/>
    <cfRule type="duplicateValues" dxfId="236" priority="311"/>
  </conditionalFormatting>
  <conditionalFormatting sqref="P9">
    <cfRule type="duplicateValues" dxfId="235" priority="310" stopIfTrue="1"/>
    <cfRule type="duplicateValues" dxfId="234" priority="309" stopIfTrue="1"/>
    <cfRule type="duplicateValues" dxfId="233" priority="308" stopIfTrue="1"/>
    <cfRule type="duplicateValues" dxfId="232" priority="307"/>
    <cfRule type="duplicateValues" dxfId="231" priority="306"/>
  </conditionalFormatting>
  <conditionalFormatting sqref="P10">
    <cfRule type="duplicateValues" dxfId="230" priority="305"/>
    <cfRule type="duplicateValues" dxfId="229" priority="304"/>
  </conditionalFormatting>
  <conditionalFormatting sqref="P11">
    <cfRule type="duplicateValues" dxfId="228" priority="303"/>
  </conditionalFormatting>
  <conditionalFormatting sqref="P12">
    <cfRule type="duplicateValues" dxfId="227" priority="301"/>
    <cfRule type="duplicateValues" dxfId="226" priority="302"/>
  </conditionalFormatting>
  <conditionalFormatting sqref="P13">
    <cfRule type="duplicateValues" dxfId="225" priority="299"/>
    <cfRule type="duplicateValues" dxfId="224" priority="300"/>
  </conditionalFormatting>
  <conditionalFormatting sqref="P14">
    <cfRule type="duplicateValues" dxfId="223" priority="298"/>
    <cfRule type="duplicateValues" dxfId="222" priority="297"/>
  </conditionalFormatting>
  <conditionalFormatting sqref="P15">
    <cfRule type="duplicateValues" dxfId="221" priority="295"/>
    <cfRule type="duplicateValues" dxfId="220" priority="296"/>
  </conditionalFormatting>
  <conditionalFormatting sqref="P16">
    <cfRule type="duplicateValues" dxfId="219" priority="294"/>
  </conditionalFormatting>
  <conditionalFormatting sqref="P17">
    <cfRule type="duplicateValues" dxfId="218" priority="293"/>
  </conditionalFormatting>
  <conditionalFormatting sqref="P18">
    <cfRule type="duplicateValues" dxfId="217" priority="292"/>
  </conditionalFormatting>
  <conditionalFormatting sqref="P19">
    <cfRule type="duplicateValues" dxfId="216" priority="290"/>
    <cfRule type="duplicateValues" dxfId="215" priority="291"/>
  </conditionalFormatting>
  <conditionalFormatting sqref="P20">
    <cfRule type="duplicateValues" dxfId="214" priority="289"/>
    <cfRule type="duplicateValues" dxfId="213" priority="288"/>
  </conditionalFormatting>
  <conditionalFormatting sqref="P21">
    <cfRule type="duplicateValues" dxfId="212" priority="287"/>
    <cfRule type="duplicateValues" dxfId="211" priority="286"/>
  </conditionalFormatting>
  <conditionalFormatting sqref="P22">
    <cfRule type="duplicateValues" dxfId="210" priority="285"/>
  </conditionalFormatting>
  <conditionalFormatting sqref="P23">
    <cfRule type="duplicateValues" dxfId="209" priority="284"/>
  </conditionalFormatting>
  <conditionalFormatting sqref="P24">
    <cfRule type="duplicateValues" dxfId="208" priority="283"/>
  </conditionalFormatting>
  <conditionalFormatting sqref="P25">
    <cfRule type="duplicateValues" dxfId="207" priority="279"/>
    <cfRule type="duplicateValues" dxfId="206" priority="280"/>
  </conditionalFormatting>
  <conditionalFormatting sqref="P26">
    <cfRule type="duplicateValues" dxfId="205" priority="278"/>
  </conditionalFormatting>
  <conditionalFormatting sqref="P27">
    <cfRule type="duplicateValues" dxfId="204" priority="277"/>
  </conditionalFormatting>
  <conditionalFormatting sqref="P28">
    <cfRule type="duplicateValues" dxfId="203" priority="276"/>
  </conditionalFormatting>
  <conditionalFormatting sqref="P29">
    <cfRule type="duplicateValues" dxfId="202" priority="274"/>
    <cfRule type="duplicateValues" dxfId="201" priority="275"/>
  </conditionalFormatting>
  <conditionalFormatting sqref="P30">
    <cfRule type="duplicateValues" dxfId="200" priority="269"/>
    <cfRule type="duplicateValues" dxfId="199" priority="268"/>
  </conditionalFormatting>
  <conditionalFormatting sqref="P31">
    <cfRule type="duplicateValues" dxfId="198" priority="272"/>
    <cfRule type="duplicateValues" dxfId="197" priority="273"/>
  </conditionalFormatting>
  <conditionalFormatting sqref="P32">
    <cfRule type="duplicateValues" dxfId="196" priority="267"/>
  </conditionalFormatting>
  <conditionalFormatting sqref="P33">
    <cfRule type="duplicateValues" dxfId="195" priority="271"/>
    <cfRule type="duplicateValues" dxfId="194" priority="270"/>
  </conditionalFormatting>
  <conditionalFormatting sqref="P34">
    <cfRule type="duplicateValues" dxfId="193" priority="266"/>
  </conditionalFormatting>
  <conditionalFormatting sqref="P35">
    <cfRule type="duplicateValues" dxfId="192" priority="264"/>
    <cfRule type="duplicateValues" dxfId="191" priority="265"/>
  </conditionalFormatting>
  <conditionalFormatting sqref="P40">
    <cfRule type="duplicateValues" dxfId="190" priority="95"/>
    <cfRule type="duplicateValues" dxfId="189" priority="96"/>
  </conditionalFormatting>
  <conditionalFormatting sqref="P41">
    <cfRule type="duplicateValues" dxfId="188" priority="98"/>
    <cfRule type="duplicateValues" dxfId="187" priority="97"/>
  </conditionalFormatting>
  <conditionalFormatting sqref="P42">
    <cfRule type="duplicateValues" dxfId="186" priority="94"/>
  </conditionalFormatting>
  <conditionalFormatting sqref="P43">
    <cfRule type="duplicateValues" dxfId="185" priority="67"/>
    <cfRule type="duplicateValues" dxfId="184" priority="68"/>
  </conditionalFormatting>
  <conditionalFormatting sqref="P44">
    <cfRule type="duplicateValues" dxfId="183" priority="93"/>
  </conditionalFormatting>
  <conditionalFormatting sqref="P45">
    <cfRule type="duplicateValues" dxfId="182" priority="74"/>
  </conditionalFormatting>
  <conditionalFormatting sqref="P46">
    <cfRule type="duplicateValues" dxfId="181" priority="82"/>
    <cfRule type="duplicateValues" dxfId="180" priority="81"/>
  </conditionalFormatting>
  <conditionalFormatting sqref="P47">
    <cfRule type="duplicateValues" dxfId="179" priority="92"/>
    <cfRule type="duplicateValues" dxfId="178" priority="91"/>
  </conditionalFormatting>
  <conditionalFormatting sqref="P48">
    <cfRule type="duplicateValues" dxfId="177" priority="88"/>
  </conditionalFormatting>
  <conditionalFormatting sqref="P49">
    <cfRule type="duplicateValues" dxfId="176" priority="87"/>
  </conditionalFormatting>
  <conditionalFormatting sqref="P50">
    <cfRule type="duplicateValues" dxfId="175" priority="85"/>
    <cfRule type="duplicateValues" dxfId="174" priority="86"/>
  </conditionalFormatting>
  <conditionalFormatting sqref="P51">
    <cfRule type="duplicateValues" dxfId="173" priority="44"/>
    <cfRule type="duplicateValues" dxfId="172" priority="45"/>
  </conditionalFormatting>
  <conditionalFormatting sqref="P52">
    <cfRule type="duplicateValues" dxfId="171" priority="54"/>
  </conditionalFormatting>
  <conditionalFormatting sqref="P53">
    <cfRule type="duplicateValues" dxfId="170" priority="73"/>
  </conditionalFormatting>
  <conditionalFormatting sqref="P54">
    <cfRule type="duplicateValues" dxfId="169" priority="80" stopIfTrue="1"/>
    <cfRule type="duplicateValues" dxfId="168" priority="79" stopIfTrue="1"/>
    <cfRule type="duplicateValues" dxfId="167" priority="78" stopIfTrue="1"/>
    <cfRule type="duplicateValues" dxfId="166" priority="77"/>
    <cfRule type="duplicateValues" dxfId="165" priority="76"/>
  </conditionalFormatting>
  <conditionalFormatting sqref="P56">
    <cfRule type="duplicateValues" dxfId="164" priority="75"/>
  </conditionalFormatting>
  <conditionalFormatting sqref="P57">
    <cfRule type="duplicateValues" dxfId="163" priority="65"/>
  </conditionalFormatting>
  <conditionalFormatting sqref="P58">
    <cfRule type="duplicateValues" dxfId="162" priority="64"/>
    <cfRule type="duplicateValues" dxfId="161" priority="63"/>
  </conditionalFormatting>
  <conditionalFormatting sqref="P59">
    <cfRule type="duplicateValues" dxfId="160" priority="72"/>
  </conditionalFormatting>
  <conditionalFormatting sqref="P60">
    <cfRule type="duplicateValues" dxfId="159" priority="55"/>
  </conditionalFormatting>
  <conditionalFormatting sqref="P61">
    <cfRule type="duplicateValues" dxfId="158" priority="69"/>
  </conditionalFormatting>
  <conditionalFormatting sqref="P62">
    <cfRule type="duplicateValues" dxfId="157" priority="49"/>
  </conditionalFormatting>
  <conditionalFormatting sqref="P63">
    <cfRule type="duplicateValues" dxfId="156" priority="71"/>
  </conditionalFormatting>
  <conditionalFormatting sqref="P64">
    <cfRule type="duplicateValues" dxfId="155" priority="62"/>
    <cfRule type="duplicateValues" dxfId="154" priority="61"/>
  </conditionalFormatting>
  <conditionalFormatting sqref="P65">
    <cfRule type="duplicateValues" dxfId="153" priority="53"/>
  </conditionalFormatting>
  <conditionalFormatting sqref="P66">
    <cfRule type="duplicateValues" dxfId="152" priority="60"/>
    <cfRule type="duplicateValues" dxfId="151" priority="59"/>
  </conditionalFormatting>
  <conditionalFormatting sqref="P67">
    <cfRule type="duplicateValues" dxfId="150" priority="56"/>
  </conditionalFormatting>
  <conditionalFormatting sqref="R18">
    <cfRule type="duplicateValues" dxfId="149" priority="635" stopIfTrue="1"/>
  </conditionalFormatting>
  <conditionalFormatting sqref="T8">
    <cfRule type="duplicateValues" dxfId="148" priority="263"/>
  </conditionalFormatting>
  <conditionalFormatting sqref="T9">
    <cfRule type="duplicateValues" dxfId="147" priority="262"/>
  </conditionalFormatting>
  <conditionalFormatting sqref="T10">
    <cfRule type="duplicateValues" dxfId="146" priority="261"/>
    <cfRule type="duplicateValues" dxfId="145" priority="260"/>
  </conditionalFormatting>
  <conditionalFormatting sqref="T11">
    <cfRule type="duplicateValues" dxfId="144" priority="259"/>
  </conditionalFormatting>
  <conditionalFormatting sqref="T12">
    <cfRule type="duplicateValues" dxfId="143" priority="258"/>
    <cfRule type="duplicateValues" dxfId="142" priority="257"/>
  </conditionalFormatting>
  <conditionalFormatting sqref="T13">
    <cfRule type="duplicateValues" dxfId="141" priority="256"/>
  </conditionalFormatting>
  <conditionalFormatting sqref="T14">
    <cfRule type="duplicateValues" dxfId="140" priority="254"/>
    <cfRule type="duplicateValues" dxfId="139" priority="255"/>
  </conditionalFormatting>
  <conditionalFormatting sqref="T15">
    <cfRule type="duplicateValues" dxfId="138" priority="253"/>
  </conditionalFormatting>
  <conditionalFormatting sqref="T16">
    <cfRule type="duplicateValues" dxfId="137" priority="252"/>
    <cfRule type="duplicateValues" dxfId="136" priority="251"/>
  </conditionalFormatting>
  <conditionalFormatting sqref="T17">
    <cfRule type="duplicateValues" dxfId="135" priority="250"/>
  </conditionalFormatting>
  <conditionalFormatting sqref="T18">
    <cfRule type="duplicateValues" dxfId="134" priority="249"/>
    <cfRule type="duplicateValues" dxfId="133" priority="248"/>
  </conditionalFormatting>
  <conditionalFormatting sqref="T19">
    <cfRule type="duplicateValues" dxfId="132" priority="247"/>
  </conditionalFormatting>
  <conditionalFormatting sqref="T20">
    <cfRule type="duplicateValues" dxfId="131" priority="246"/>
    <cfRule type="duplicateValues" dxfId="130" priority="245"/>
  </conditionalFormatting>
  <conditionalFormatting sqref="T21">
    <cfRule type="duplicateValues" dxfId="129" priority="244"/>
  </conditionalFormatting>
  <conditionalFormatting sqref="T22">
    <cfRule type="duplicateValues" dxfId="128" priority="243"/>
  </conditionalFormatting>
  <conditionalFormatting sqref="T23">
    <cfRule type="duplicateValues" dxfId="127" priority="242"/>
    <cfRule type="duplicateValues" dxfId="126" priority="241"/>
  </conditionalFormatting>
  <conditionalFormatting sqref="T24">
    <cfRule type="duplicateValues" dxfId="125" priority="240"/>
    <cfRule type="duplicateValues" dxfId="124" priority="239"/>
  </conditionalFormatting>
  <conditionalFormatting sqref="T25">
    <cfRule type="duplicateValues" dxfId="123" priority="238"/>
    <cfRule type="duplicateValues" dxfId="122" priority="237"/>
  </conditionalFormatting>
  <conditionalFormatting sqref="T26">
    <cfRule type="duplicateValues" dxfId="121" priority="236"/>
    <cfRule type="duplicateValues" dxfId="120" priority="235"/>
  </conditionalFormatting>
  <conditionalFormatting sqref="T27">
    <cfRule type="duplicateValues" dxfId="119" priority="233"/>
    <cfRule type="duplicateValues" dxfId="118" priority="234"/>
  </conditionalFormatting>
  <conditionalFormatting sqref="T28">
    <cfRule type="duplicateValues" dxfId="117" priority="232"/>
  </conditionalFormatting>
  <conditionalFormatting sqref="T29">
    <cfRule type="duplicateValues" dxfId="116" priority="231"/>
    <cfRule type="duplicateValues" dxfId="115" priority="230"/>
  </conditionalFormatting>
  <conditionalFormatting sqref="T30">
    <cfRule type="duplicateValues" dxfId="114" priority="229"/>
  </conditionalFormatting>
  <conditionalFormatting sqref="T31">
    <cfRule type="duplicateValues" dxfId="113" priority="227"/>
    <cfRule type="duplicateValues" dxfId="112" priority="228"/>
  </conditionalFormatting>
  <conditionalFormatting sqref="T32">
    <cfRule type="duplicateValues" dxfId="111" priority="226"/>
  </conditionalFormatting>
  <conditionalFormatting sqref="T33">
    <cfRule type="duplicateValues" dxfId="110" priority="225"/>
  </conditionalFormatting>
  <conditionalFormatting sqref="T34">
    <cfRule type="duplicateValues" dxfId="109" priority="224"/>
  </conditionalFormatting>
  <conditionalFormatting sqref="T35">
    <cfRule type="duplicateValues" dxfId="108" priority="223"/>
    <cfRule type="duplicateValues" dxfId="107" priority="222"/>
  </conditionalFormatting>
  <conditionalFormatting sqref="T40">
    <cfRule type="duplicateValues" dxfId="106" priority="52"/>
  </conditionalFormatting>
  <conditionalFormatting sqref="T41">
    <cfRule type="duplicateValues" dxfId="105" priority="41"/>
    <cfRule type="duplicateValues" dxfId="104" priority="42"/>
  </conditionalFormatting>
  <conditionalFormatting sqref="T42">
    <cfRule type="duplicateValues" dxfId="103" priority="47"/>
    <cfRule type="duplicateValues" dxfId="102" priority="48"/>
  </conditionalFormatting>
  <conditionalFormatting sqref="T43">
    <cfRule type="duplicateValues" dxfId="101" priority="40"/>
  </conditionalFormatting>
  <conditionalFormatting sqref="T44">
    <cfRule type="duplicateValues" dxfId="100" priority="39"/>
  </conditionalFormatting>
  <conditionalFormatting sqref="T45">
    <cfRule type="duplicateValues" dxfId="99" priority="38"/>
    <cfRule type="duplicateValues" dxfId="98" priority="37"/>
  </conditionalFormatting>
  <conditionalFormatting sqref="T46">
    <cfRule type="duplicateValues" dxfId="97" priority="35"/>
    <cfRule type="duplicateValues" dxfId="96" priority="36"/>
  </conditionalFormatting>
  <conditionalFormatting sqref="T47">
    <cfRule type="duplicateValues" dxfId="95" priority="34"/>
    <cfRule type="duplicateValues" dxfId="94" priority="33"/>
  </conditionalFormatting>
  <conditionalFormatting sqref="T48">
    <cfRule type="duplicateValues" dxfId="93" priority="32"/>
  </conditionalFormatting>
  <conditionalFormatting sqref="T49">
    <cfRule type="duplicateValues" dxfId="92" priority="31"/>
  </conditionalFormatting>
  <conditionalFormatting sqref="T50">
    <cfRule type="duplicateValues" dxfId="91" priority="29"/>
    <cfRule type="duplicateValues" dxfId="90" priority="30"/>
  </conditionalFormatting>
  <conditionalFormatting sqref="T51">
    <cfRule type="duplicateValues" dxfId="89" priority="2"/>
    <cfRule type="duplicateValues" dxfId="88" priority="1"/>
  </conditionalFormatting>
  <conditionalFormatting sqref="T52">
    <cfRule type="duplicateValues" dxfId="87" priority="28"/>
    <cfRule type="duplicateValues" dxfId="86" priority="27"/>
  </conditionalFormatting>
  <conditionalFormatting sqref="T53">
    <cfRule type="duplicateValues" dxfId="85" priority="26"/>
  </conditionalFormatting>
  <conditionalFormatting sqref="T54">
    <cfRule type="duplicateValues" dxfId="84" priority="25"/>
    <cfRule type="duplicateValues" dxfId="83" priority="24"/>
  </conditionalFormatting>
  <conditionalFormatting sqref="T55">
    <cfRule type="duplicateValues" dxfId="82" priority="23"/>
  </conditionalFormatting>
  <conditionalFormatting sqref="T56">
    <cfRule type="duplicateValues" dxfId="81" priority="22"/>
    <cfRule type="duplicateValues" dxfId="80" priority="21"/>
  </conditionalFormatting>
  <conditionalFormatting sqref="T57">
    <cfRule type="duplicateValues" dxfId="79" priority="20"/>
    <cfRule type="duplicateValues" dxfId="78" priority="19"/>
  </conditionalFormatting>
  <conditionalFormatting sqref="T58">
    <cfRule type="duplicateValues" dxfId="77" priority="18"/>
    <cfRule type="duplicateValues" dxfId="76" priority="17"/>
  </conditionalFormatting>
  <conditionalFormatting sqref="T59">
    <cfRule type="duplicateValues" dxfId="75" priority="15"/>
    <cfRule type="duplicateValues" dxfId="74" priority="16"/>
  </conditionalFormatting>
  <conditionalFormatting sqref="T60">
    <cfRule type="duplicateValues" dxfId="73" priority="5"/>
    <cfRule type="duplicateValues" dxfId="72" priority="6"/>
  </conditionalFormatting>
  <conditionalFormatting sqref="T61">
    <cfRule type="duplicateValues" dxfId="71" priority="14"/>
  </conditionalFormatting>
  <conditionalFormatting sqref="T62">
    <cfRule type="duplicateValues" dxfId="70" priority="3"/>
  </conditionalFormatting>
  <conditionalFormatting sqref="T63">
    <cfRule type="duplicateValues" dxfId="69" priority="13"/>
    <cfRule type="duplicateValues" dxfId="68" priority="12"/>
  </conditionalFormatting>
  <conditionalFormatting sqref="T64">
    <cfRule type="duplicateValues" dxfId="67" priority="8"/>
    <cfRule type="duplicateValues" dxfId="66" priority="7"/>
  </conditionalFormatting>
  <conditionalFormatting sqref="T65">
    <cfRule type="duplicateValues" dxfId="65" priority="4"/>
  </conditionalFormatting>
  <conditionalFormatting sqref="T66">
    <cfRule type="duplicateValues" dxfId="64" priority="11"/>
  </conditionalFormatting>
  <conditionalFormatting sqref="T67">
    <cfRule type="duplicateValues" dxfId="63" priority="10"/>
    <cfRule type="duplicateValues" dxfId="62" priority="9"/>
  </conditionalFormatting>
  <pageMargins left="0.75" right="0.75" top="1" bottom="1" header="0.5" footer="0.5"/>
  <pageSetup orientation="portrait" horizontalDpi="200" verticalDpi="2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T67"/>
  <sheetViews>
    <sheetView tabSelected="1" workbookViewId="0">
      <selection activeCell="H31" sqref="H31"/>
    </sheetView>
  </sheetViews>
  <sheetFormatPr defaultRowHeight="12.75" x14ac:dyDescent="0.2"/>
  <cols>
    <col min="1" max="1" width="8.7109375" customWidth="1"/>
    <col min="3" max="4" width="17.7109375" customWidth="1"/>
    <col min="7" max="7" width="20.5703125" bestFit="1" customWidth="1"/>
    <col min="8" max="8" width="17.7109375" customWidth="1"/>
    <col min="11" max="11" width="17.140625" customWidth="1"/>
    <col min="12" max="12" width="17.7109375" customWidth="1"/>
    <col min="15" max="15" width="24.140625" customWidth="1"/>
    <col min="16" max="16" width="16.28515625" customWidth="1"/>
    <col min="18" max="18" width="9.28515625" customWidth="1"/>
    <col min="19" max="19" width="19.5703125" customWidth="1"/>
    <col min="20" max="20" width="18.5703125" customWidth="1"/>
  </cols>
  <sheetData>
    <row r="1" spans="1:20" x14ac:dyDescent="0.2">
      <c r="A1" s="3"/>
    </row>
    <row r="2" spans="1:20" x14ac:dyDescent="0.2">
      <c r="A2" s="3"/>
    </row>
    <row r="6" spans="1:20" x14ac:dyDescent="0.2">
      <c r="A6" t="s">
        <v>0</v>
      </c>
      <c r="B6" s="12"/>
      <c r="E6" s="9" t="s">
        <v>1</v>
      </c>
      <c r="F6" s="9"/>
      <c r="I6" t="s">
        <v>2</v>
      </c>
      <c r="J6" s="12"/>
      <c r="M6" s="9" t="s">
        <v>32</v>
      </c>
      <c r="N6" s="9"/>
      <c r="Q6" s="9" t="s">
        <v>34</v>
      </c>
      <c r="R6" s="9"/>
    </row>
    <row r="7" spans="1:20" x14ac:dyDescent="0.2">
      <c r="A7" t="s">
        <v>12</v>
      </c>
      <c r="B7" t="s">
        <v>13</v>
      </c>
      <c r="C7" t="s">
        <v>12</v>
      </c>
      <c r="D7" t="s">
        <v>33</v>
      </c>
      <c r="E7" t="s">
        <v>12</v>
      </c>
      <c r="F7" t="s">
        <v>13</v>
      </c>
      <c r="G7" t="s">
        <v>12</v>
      </c>
      <c r="H7" t="s">
        <v>33</v>
      </c>
      <c r="I7" t="s">
        <v>12</v>
      </c>
      <c r="J7" t="s">
        <v>13</v>
      </c>
      <c r="K7" t="s">
        <v>12</v>
      </c>
      <c r="L7" t="s">
        <v>33</v>
      </c>
      <c r="M7" t="s">
        <v>12</v>
      </c>
      <c r="N7" t="s">
        <v>13</v>
      </c>
      <c r="Q7" t="s">
        <v>12</v>
      </c>
      <c r="R7" t="s">
        <v>13</v>
      </c>
    </row>
    <row r="8" spans="1:20" x14ac:dyDescent="0.2">
      <c r="A8" t="s">
        <v>7</v>
      </c>
      <c r="C8" s="22" t="s">
        <v>430</v>
      </c>
      <c r="D8" s="25" t="s">
        <v>431</v>
      </c>
      <c r="E8" t="s">
        <v>7</v>
      </c>
      <c r="F8" s="3"/>
      <c r="G8" s="25" t="s">
        <v>432</v>
      </c>
      <c r="H8" s="3"/>
      <c r="I8" t="s">
        <v>7</v>
      </c>
      <c r="J8" s="3"/>
      <c r="K8" s="25" t="s">
        <v>432</v>
      </c>
      <c r="L8" s="3"/>
      <c r="M8" t="s">
        <v>7</v>
      </c>
      <c r="N8" s="3"/>
      <c r="O8" s="25" t="s">
        <v>432</v>
      </c>
      <c r="Q8" t="s">
        <v>7</v>
      </c>
      <c r="R8" s="3"/>
      <c r="S8" s="25" t="s">
        <v>432</v>
      </c>
    </row>
    <row r="9" spans="1:20" x14ac:dyDescent="0.2">
      <c r="A9" t="s">
        <v>39</v>
      </c>
      <c r="C9" s="22" t="s">
        <v>433</v>
      </c>
      <c r="D9" s="22" t="s">
        <v>434</v>
      </c>
      <c r="E9" t="s">
        <v>39</v>
      </c>
      <c r="F9" s="3"/>
      <c r="G9" s="22" t="s">
        <v>475</v>
      </c>
      <c r="H9" s="22" t="s">
        <v>476</v>
      </c>
      <c r="I9" t="s">
        <v>39</v>
      </c>
      <c r="J9" s="3"/>
      <c r="K9" s="21" t="s">
        <v>477</v>
      </c>
      <c r="L9" s="26" t="s">
        <v>478</v>
      </c>
      <c r="M9" t="s">
        <v>39</v>
      </c>
      <c r="N9" s="3"/>
      <c r="O9" s="25" t="s">
        <v>432</v>
      </c>
      <c r="Q9" t="s">
        <v>39</v>
      </c>
      <c r="R9" s="3"/>
      <c r="S9" s="25" t="s">
        <v>432</v>
      </c>
    </row>
    <row r="10" spans="1:20" x14ac:dyDescent="0.2">
      <c r="A10" t="s">
        <v>18</v>
      </c>
      <c r="C10" s="22" t="s">
        <v>436</v>
      </c>
      <c r="D10" s="22" t="s">
        <v>435</v>
      </c>
      <c r="E10" t="s">
        <v>18</v>
      </c>
      <c r="F10" s="3"/>
      <c r="G10" s="25" t="s">
        <v>432</v>
      </c>
      <c r="H10" s="6"/>
      <c r="I10" t="s">
        <v>18</v>
      </c>
      <c r="J10" s="3"/>
      <c r="K10" s="25" t="s">
        <v>432</v>
      </c>
      <c r="L10" s="6"/>
      <c r="M10" t="s">
        <v>18</v>
      </c>
      <c r="N10" s="3"/>
      <c r="O10" s="25" t="s">
        <v>432</v>
      </c>
      <c r="Q10" t="s">
        <v>18</v>
      </c>
      <c r="R10" s="3"/>
      <c r="S10" s="25" t="s">
        <v>432</v>
      </c>
    </row>
    <row r="11" spans="1:20" x14ac:dyDescent="0.2">
      <c r="A11" t="s">
        <v>19</v>
      </c>
      <c r="C11" s="22" t="s">
        <v>437</v>
      </c>
      <c r="D11" s="26" t="s">
        <v>438</v>
      </c>
      <c r="E11" t="s">
        <v>19</v>
      </c>
      <c r="F11" s="3"/>
      <c r="G11" s="25" t="s">
        <v>432</v>
      </c>
      <c r="H11" s="6"/>
      <c r="I11" t="s">
        <v>19</v>
      </c>
      <c r="J11" s="3"/>
      <c r="K11" s="25" t="s">
        <v>432</v>
      </c>
      <c r="M11" t="s">
        <v>19</v>
      </c>
      <c r="N11" s="3"/>
      <c r="O11" s="25" t="s">
        <v>432</v>
      </c>
      <c r="Q11" t="s">
        <v>19</v>
      </c>
      <c r="R11" s="3"/>
      <c r="S11" s="25" t="s">
        <v>432</v>
      </c>
    </row>
    <row r="12" spans="1:20" x14ac:dyDescent="0.2">
      <c r="A12" t="s">
        <v>14</v>
      </c>
      <c r="C12" s="22" t="s">
        <v>439</v>
      </c>
      <c r="D12" s="25" t="s">
        <v>431</v>
      </c>
      <c r="E12" t="s">
        <v>14</v>
      </c>
      <c r="F12" s="3"/>
      <c r="G12" s="22" t="s">
        <v>479</v>
      </c>
      <c r="H12" s="22" t="s">
        <v>431</v>
      </c>
      <c r="I12" t="s">
        <v>14</v>
      </c>
      <c r="J12" s="3"/>
      <c r="K12" s="22" t="s">
        <v>480</v>
      </c>
      <c r="L12" s="22" t="s">
        <v>431</v>
      </c>
      <c r="M12" t="s">
        <v>14</v>
      </c>
      <c r="N12" s="3"/>
      <c r="O12" s="22" t="s">
        <v>424</v>
      </c>
      <c r="P12" s="22" t="s">
        <v>431</v>
      </c>
      <c r="Q12" t="s">
        <v>14</v>
      </c>
      <c r="R12" s="3"/>
      <c r="S12" s="22" t="s">
        <v>481</v>
      </c>
      <c r="T12" s="22" t="s">
        <v>431</v>
      </c>
    </row>
    <row r="13" spans="1:20" x14ac:dyDescent="0.2">
      <c r="A13" t="s">
        <v>5</v>
      </c>
      <c r="C13" s="22" t="s">
        <v>440</v>
      </c>
      <c r="D13" s="25" t="s">
        <v>431</v>
      </c>
      <c r="E13" t="s">
        <v>5</v>
      </c>
      <c r="F13" s="3"/>
      <c r="G13" s="22" t="s">
        <v>482</v>
      </c>
      <c r="H13" s="25" t="s">
        <v>431</v>
      </c>
      <c r="I13" t="s">
        <v>5</v>
      </c>
      <c r="J13" s="3"/>
      <c r="K13" s="22" t="s">
        <v>483</v>
      </c>
      <c r="L13" s="22" t="s">
        <v>431</v>
      </c>
      <c r="M13" t="s">
        <v>5</v>
      </c>
      <c r="N13" s="3"/>
      <c r="O13" s="25" t="s">
        <v>432</v>
      </c>
      <c r="Q13" t="s">
        <v>5</v>
      </c>
      <c r="R13" s="3"/>
      <c r="S13" s="25" t="s">
        <v>432</v>
      </c>
    </row>
    <row r="14" spans="1:20" x14ac:dyDescent="0.2">
      <c r="A14" t="s">
        <v>11</v>
      </c>
      <c r="C14" s="22" t="s">
        <v>441</v>
      </c>
      <c r="D14" s="18" t="s">
        <v>431</v>
      </c>
      <c r="E14" t="s">
        <v>11</v>
      </c>
      <c r="F14" s="3"/>
      <c r="G14" s="22" t="s">
        <v>484</v>
      </c>
      <c r="H14" s="25" t="s">
        <v>431</v>
      </c>
      <c r="I14" t="s">
        <v>11</v>
      </c>
      <c r="J14" s="3"/>
      <c r="K14" s="21" t="s">
        <v>485</v>
      </c>
      <c r="L14" s="25" t="s">
        <v>431</v>
      </c>
      <c r="M14" t="s">
        <v>11</v>
      </c>
      <c r="N14" s="3"/>
      <c r="O14" s="22" t="s">
        <v>486</v>
      </c>
      <c r="P14" s="25" t="s">
        <v>431</v>
      </c>
      <c r="Q14" t="s">
        <v>11</v>
      </c>
      <c r="R14" s="3"/>
      <c r="S14" s="25" t="s">
        <v>432</v>
      </c>
    </row>
    <row r="15" spans="1:20" x14ac:dyDescent="0.2">
      <c r="A15" t="s">
        <v>51</v>
      </c>
      <c r="C15" s="22" t="s">
        <v>442</v>
      </c>
      <c r="D15" s="22" t="s">
        <v>443</v>
      </c>
      <c r="E15" t="s">
        <v>51</v>
      </c>
      <c r="F15" s="3"/>
      <c r="G15" s="21" t="s">
        <v>432</v>
      </c>
      <c r="H15" s="26"/>
      <c r="I15" t="s">
        <v>51</v>
      </c>
      <c r="J15" s="3"/>
      <c r="K15" s="25" t="s">
        <v>432</v>
      </c>
      <c r="L15" s="6"/>
      <c r="M15" t="s">
        <v>51</v>
      </c>
      <c r="N15" s="3"/>
      <c r="O15" s="25" t="s">
        <v>432</v>
      </c>
      <c r="P15" s="6"/>
      <c r="Q15" t="s">
        <v>51</v>
      </c>
      <c r="R15" s="3"/>
      <c r="S15" s="25" t="s">
        <v>432</v>
      </c>
      <c r="T15" s="6"/>
    </row>
    <row r="16" spans="1:20" x14ac:dyDescent="0.2">
      <c r="A16" t="s">
        <v>41</v>
      </c>
      <c r="C16" s="22" t="s">
        <v>443</v>
      </c>
      <c r="D16" s="26" t="s">
        <v>448</v>
      </c>
      <c r="E16" t="s">
        <v>41</v>
      </c>
      <c r="F16" s="3"/>
      <c r="G16" s="22" t="s">
        <v>493</v>
      </c>
      <c r="H16" s="26" t="s">
        <v>446</v>
      </c>
      <c r="I16" t="s">
        <v>41</v>
      </c>
      <c r="J16" s="3"/>
      <c r="K16" s="22" t="s">
        <v>445</v>
      </c>
      <c r="L16" s="26" t="s">
        <v>447</v>
      </c>
      <c r="M16" t="s">
        <v>41</v>
      </c>
      <c r="N16" s="3"/>
      <c r="O16" s="25" t="s">
        <v>432</v>
      </c>
      <c r="Q16" t="s">
        <v>41</v>
      </c>
      <c r="R16" s="3"/>
      <c r="S16" s="25" t="s">
        <v>432</v>
      </c>
    </row>
    <row r="17" spans="1:20" x14ac:dyDescent="0.2">
      <c r="A17" t="s">
        <v>42</v>
      </c>
      <c r="C17" s="25" t="s">
        <v>432</v>
      </c>
      <c r="D17" s="6"/>
      <c r="E17" t="s">
        <v>42</v>
      </c>
      <c r="F17" s="3"/>
      <c r="G17" s="25" t="s">
        <v>432</v>
      </c>
      <c r="H17" s="6"/>
      <c r="I17" t="s">
        <v>42</v>
      </c>
      <c r="J17" s="3"/>
      <c r="K17" s="25" t="s">
        <v>432</v>
      </c>
      <c r="M17" t="s">
        <v>42</v>
      </c>
      <c r="N17" s="3"/>
      <c r="O17" s="25" t="s">
        <v>432</v>
      </c>
      <c r="P17" s="3"/>
      <c r="Q17" t="s">
        <v>42</v>
      </c>
      <c r="R17" s="3"/>
      <c r="S17" s="25" t="s">
        <v>432</v>
      </c>
      <c r="T17" s="6"/>
    </row>
    <row r="18" spans="1:20" x14ac:dyDescent="0.2">
      <c r="A18" t="s">
        <v>52</v>
      </c>
      <c r="C18" s="22" t="s">
        <v>449</v>
      </c>
      <c r="D18" s="22" t="s">
        <v>450</v>
      </c>
      <c r="E18" t="s">
        <v>52</v>
      </c>
      <c r="F18" s="3"/>
      <c r="G18" s="25" t="s">
        <v>432</v>
      </c>
      <c r="H18" s="3"/>
      <c r="I18" t="s">
        <v>52</v>
      </c>
      <c r="J18" s="3"/>
      <c r="K18" s="25" t="s">
        <v>432</v>
      </c>
      <c r="L18" s="3"/>
      <c r="M18" t="s">
        <v>52</v>
      </c>
      <c r="N18" s="3"/>
      <c r="O18" s="25" t="s">
        <v>432</v>
      </c>
      <c r="Q18" t="s">
        <v>52</v>
      </c>
      <c r="R18" s="3"/>
      <c r="S18" s="25" t="s">
        <v>432</v>
      </c>
    </row>
    <row r="19" spans="1:20" x14ac:dyDescent="0.2">
      <c r="A19" t="s">
        <v>15</v>
      </c>
      <c r="C19" s="22" t="s">
        <v>451</v>
      </c>
      <c r="D19" s="25" t="s">
        <v>431</v>
      </c>
      <c r="E19" t="s">
        <v>15</v>
      </c>
      <c r="F19" s="3"/>
      <c r="G19" s="25" t="s">
        <v>432</v>
      </c>
      <c r="H19" s="3"/>
      <c r="I19" t="s">
        <v>15</v>
      </c>
      <c r="J19" s="3"/>
      <c r="K19" s="25" t="s">
        <v>432</v>
      </c>
      <c r="L19" s="3"/>
      <c r="M19" t="s">
        <v>15</v>
      </c>
      <c r="N19" s="3"/>
      <c r="O19" s="25" t="s">
        <v>432</v>
      </c>
      <c r="Q19" t="s">
        <v>15</v>
      </c>
      <c r="R19" s="3"/>
      <c r="S19" s="25" t="s">
        <v>432</v>
      </c>
    </row>
    <row r="20" spans="1:20" x14ac:dyDescent="0.2">
      <c r="A20" s="18" t="s">
        <v>53</v>
      </c>
      <c r="B20" s="18"/>
      <c r="C20" s="22" t="s">
        <v>452</v>
      </c>
      <c r="D20" s="25" t="s">
        <v>431</v>
      </c>
      <c r="E20" s="18" t="s">
        <v>53</v>
      </c>
      <c r="F20" s="3"/>
      <c r="G20" s="22" t="s">
        <v>487</v>
      </c>
      <c r="H20" s="25" t="s">
        <v>431</v>
      </c>
      <c r="I20" s="18" t="s">
        <v>53</v>
      </c>
      <c r="J20" s="3"/>
      <c r="K20" s="22" t="s">
        <v>488</v>
      </c>
      <c r="L20" s="27" t="s">
        <v>431</v>
      </c>
      <c r="M20" s="18" t="s">
        <v>53</v>
      </c>
      <c r="N20" s="3"/>
      <c r="O20" s="25" t="s">
        <v>432</v>
      </c>
      <c r="Q20" s="18" t="s">
        <v>53</v>
      </c>
      <c r="R20" s="3"/>
      <c r="S20" s="25" t="s">
        <v>432</v>
      </c>
    </row>
    <row r="21" spans="1:20" x14ac:dyDescent="0.2">
      <c r="A21" t="s">
        <v>17</v>
      </c>
      <c r="C21" s="22" t="s">
        <v>453</v>
      </c>
      <c r="D21" s="25" t="s">
        <v>431</v>
      </c>
      <c r="E21" t="s">
        <v>17</v>
      </c>
      <c r="F21" s="3"/>
      <c r="G21" s="22" t="s">
        <v>489</v>
      </c>
      <c r="H21" s="25" t="s">
        <v>431</v>
      </c>
      <c r="I21" t="s">
        <v>17</v>
      </c>
      <c r="J21" s="3"/>
      <c r="K21" s="25" t="s">
        <v>432</v>
      </c>
      <c r="L21" s="3"/>
      <c r="M21" t="s">
        <v>17</v>
      </c>
      <c r="N21" s="3"/>
      <c r="O21" s="25" t="s">
        <v>432</v>
      </c>
      <c r="Q21" t="s">
        <v>17</v>
      </c>
      <c r="R21" s="3"/>
      <c r="S21" s="25" t="s">
        <v>432</v>
      </c>
    </row>
    <row r="22" spans="1:20" x14ac:dyDescent="0.2">
      <c r="A22" t="s">
        <v>20</v>
      </c>
      <c r="C22" s="25" t="s">
        <v>432</v>
      </c>
      <c r="D22" s="6"/>
      <c r="E22" t="s">
        <v>20</v>
      </c>
      <c r="F22" s="3"/>
      <c r="G22" s="25" t="s">
        <v>432</v>
      </c>
      <c r="H22" s="6"/>
      <c r="I22" t="s">
        <v>20</v>
      </c>
      <c r="J22" s="3"/>
      <c r="K22" s="25" t="s">
        <v>432</v>
      </c>
      <c r="L22" s="6"/>
      <c r="M22" t="s">
        <v>20</v>
      </c>
      <c r="N22" s="3"/>
      <c r="O22" s="25" t="s">
        <v>432</v>
      </c>
      <c r="Q22" t="s">
        <v>20</v>
      </c>
      <c r="R22" s="3"/>
      <c r="S22" s="25" t="s">
        <v>432</v>
      </c>
    </row>
    <row r="23" spans="1:20" x14ac:dyDescent="0.2">
      <c r="A23" t="s">
        <v>24</v>
      </c>
      <c r="C23" s="25" t="s">
        <v>432</v>
      </c>
      <c r="D23" s="6"/>
      <c r="E23" t="s">
        <v>24</v>
      </c>
      <c r="F23" s="3"/>
      <c r="G23" s="25" t="s">
        <v>432</v>
      </c>
      <c r="H23" s="6"/>
      <c r="I23" t="s">
        <v>24</v>
      </c>
      <c r="J23" s="3"/>
      <c r="K23" s="25" t="s">
        <v>432</v>
      </c>
      <c r="L23" s="6"/>
      <c r="M23" t="s">
        <v>24</v>
      </c>
      <c r="N23" s="3"/>
      <c r="O23" s="25" t="s">
        <v>432</v>
      </c>
      <c r="P23" s="6"/>
      <c r="Q23" t="s">
        <v>24</v>
      </c>
      <c r="R23" s="3"/>
      <c r="S23" s="25" t="s">
        <v>432</v>
      </c>
      <c r="T23" s="6"/>
    </row>
    <row r="24" spans="1:20" x14ac:dyDescent="0.2">
      <c r="A24" t="s">
        <v>21</v>
      </c>
      <c r="C24" s="22" t="s">
        <v>454</v>
      </c>
      <c r="D24" t="s">
        <v>455</v>
      </c>
      <c r="E24" t="s">
        <v>21</v>
      </c>
      <c r="F24" s="3"/>
      <c r="G24" s="25" t="s">
        <v>432</v>
      </c>
      <c r="I24" t="s">
        <v>21</v>
      </c>
      <c r="J24" s="3"/>
      <c r="K24" s="25" t="s">
        <v>432</v>
      </c>
      <c r="L24" s="3"/>
      <c r="M24" t="s">
        <v>21</v>
      </c>
      <c r="N24" s="3"/>
      <c r="O24" s="25" t="s">
        <v>432</v>
      </c>
      <c r="Q24" t="s">
        <v>21</v>
      </c>
      <c r="R24" s="3"/>
      <c r="S24" s="25" t="s">
        <v>432</v>
      </c>
    </row>
    <row r="25" spans="1:20" x14ac:dyDescent="0.2">
      <c r="A25" t="s">
        <v>9</v>
      </c>
      <c r="C25" s="22" t="s">
        <v>456</v>
      </c>
      <c r="D25" s="22" t="s">
        <v>431</v>
      </c>
      <c r="E25" t="s">
        <v>9</v>
      </c>
      <c r="F25" s="3"/>
      <c r="G25" s="21" t="s">
        <v>444</v>
      </c>
      <c r="H25" s="21" t="s">
        <v>491</v>
      </c>
      <c r="I25" t="s">
        <v>9</v>
      </c>
      <c r="J25" s="3"/>
      <c r="K25" s="22" t="s">
        <v>492</v>
      </c>
      <c r="L25" s="21" t="s">
        <v>490</v>
      </c>
      <c r="M25" t="s">
        <v>9</v>
      </c>
      <c r="N25" s="3"/>
      <c r="O25" s="25" t="s">
        <v>432</v>
      </c>
      <c r="Q25" t="s">
        <v>9</v>
      </c>
      <c r="R25" s="3"/>
      <c r="S25" s="25" t="s">
        <v>432</v>
      </c>
    </row>
    <row r="26" spans="1:20" x14ac:dyDescent="0.2">
      <c r="A26" t="s">
        <v>4</v>
      </c>
      <c r="C26" s="21" t="s">
        <v>457</v>
      </c>
      <c r="D26" s="22" t="s">
        <v>458</v>
      </c>
      <c r="E26" t="s">
        <v>4</v>
      </c>
      <c r="F26" s="3"/>
      <c r="G26" s="25" t="s">
        <v>432</v>
      </c>
      <c r="H26" s="3"/>
      <c r="I26" t="s">
        <v>4</v>
      </c>
      <c r="J26" s="3"/>
      <c r="K26" s="25" t="s">
        <v>432</v>
      </c>
      <c r="L26" s="3"/>
      <c r="M26" t="s">
        <v>4</v>
      </c>
      <c r="N26" s="3"/>
      <c r="O26" s="25" t="s">
        <v>432</v>
      </c>
      <c r="Q26" t="s">
        <v>4</v>
      </c>
      <c r="R26" s="3"/>
      <c r="S26" s="25" t="s">
        <v>432</v>
      </c>
    </row>
    <row r="27" spans="1:20" x14ac:dyDescent="0.2">
      <c r="A27" t="s">
        <v>10</v>
      </c>
      <c r="C27" s="22" t="s">
        <v>459</v>
      </c>
      <c r="D27" s="22" t="s">
        <v>431</v>
      </c>
      <c r="E27" t="s">
        <v>10</v>
      </c>
      <c r="F27" s="3"/>
      <c r="G27" s="25" t="s">
        <v>432</v>
      </c>
      <c r="H27" s="6"/>
      <c r="I27" t="s">
        <v>10</v>
      </c>
      <c r="J27" s="3"/>
      <c r="K27" s="25" t="s">
        <v>432</v>
      </c>
      <c r="L27" s="3"/>
      <c r="M27" t="s">
        <v>10</v>
      </c>
      <c r="N27" s="3"/>
      <c r="O27" s="25" t="s">
        <v>432</v>
      </c>
      <c r="P27" s="6"/>
      <c r="Q27" t="s">
        <v>10</v>
      </c>
      <c r="R27" s="3"/>
      <c r="S27" s="25" t="s">
        <v>432</v>
      </c>
    </row>
    <row r="28" spans="1:20" x14ac:dyDescent="0.2">
      <c r="A28" t="s">
        <v>36</v>
      </c>
      <c r="C28" s="22" t="s">
        <v>394</v>
      </c>
      <c r="D28" s="22" t="s">
        <v>460</v>
      </c>
      <c r="E28" t="s">
        <v>36</v>
      </c>
      <c r="F28" s="3"/>
      <c r="G28" s="22" t="s">
        <v>450</v>
      </c>
      <c r="H28" s="26" t="s">
        <v>494</v>
      </c>
      <c r="I28" t="s">
        <v>36</v>
      </c>
      <c r="J28" s="3"/>
      <c r="K28" s="25" t="s">
        <v>432</v>
      </c>
      <c r="L28" s="3"/>
      <c r="M28" t="s">
        <v>36</v>
      </c>
      <c r="N28" s="3"/>
      <c r="O28" s="25" t="s">
        <v>432</v>
      </c>
      <c r="Q28" t="s">
        <v>36</v>
      </c>
      <c r="R28" s="3"/>
      <c r="S28" s="25" t="s">
        <v>432</v>
      </c>
    </row>
    <row r="29" spans="1:20" x14ac:dyDescent="0.2">
      <c r="A29" t="s">
        <v>8</v>
      </c>
      <c r="C29" s="22" t="s">
        <v>461</v>
      </c>
      <c r="D29" s="22" t="s">
        <v>462</v>
      </c>
      <c r="E29" t="s">
        <v>8</v>
      </c>
      <c r="F29" s="3"/>
      <c r="G29" s="22" t="s">
        <v>464</v>
      </c>
      <c r="H29" s="21" t="s">
        <v>463</v>
      </c>
      <c r="I29" t="s">
        <v>8</v>
      </c>
      <c r="J29" s="3"/>
      <c r="K29" s="18" t="s">
        <v>432</v>
      </c>
      <c r="L29" s="6"/>
      <c r="M29" t="s">
        <v>8</v>
      </c>
      <c r="N29" s="3"/>
      <c r="O29" s="25" t="s">
        <v>432</v>
      </c>
      <c r="P29" s="6"/>
      <c r="Q29" t="s">
        <v>8</v>
      </c>
      <c r="R29" s="3"/>
      <c r="S29" s="6" t="s">
        <v>432</v>
      </c>
      <c r="T29" s="6"/>
    </row>
    <row r="30" spans="1:20" x14ac:dyDescent="0.2">
      <c r="A30" t="s">
        <v>23</v>
      </c>
      <c r="C30" s="25" t="s">
        <v>432</v>
      </c>
      <c r="D30" s="3"/>
      <c r="E30" t="s">
        <v>23</v>
      </c>
      <c r="F30" s="3"/>
      <c r="G30" s="25" t="s">
        <v>432</v>
      </c>
      <c r="H30" s="3"/>
      <c r="I30" t="s">
        <v>23</v>
      </c>
      <c r="J30" s="3"/>
      <c r="K30" s="25" t="s">
        <v>432</v>
      </c>
      <c r="L30" s="3"/>
      <c r="M30" t="s">
        <v>23</v>
      </c>
      <c r="N30" s="3"/>
      <c r="O30" s="25" t="s">
        <v>432</v>
      </c>
      <c r="Q30" t="s">
        <v>23</v>
      </c>
      <c r="R30" s="3"/>
      <c r="S30" s="25" t="s">
        <v>432</v>
      </c>
    </row>
    <row r="31" spans="1:20" x14ac:dyDescent="0.2">
      <c r="A31" t="s">
        <v>45</v>
      </c>
      <c r="C31" s="22" t="s">
        <v>465</v>
      </c>
      <c r="D31" s="26" t="s">
        <v>466</v>
      </c>
      <c r="E31" t="s">
        <v>45</v>
      </c>
      <c r="F31" s="3"/>
      <c r="G31" s="22" t="s">
        <v>495</v>
      </c>
      <c r="H31" s="22" t="s">
        <v>496</v>
      </c>
      <c r="I31" t="s">
        <v>45</v>
      </c>
      <c r="J31" s="3"/>
      <c r="K31" s="25" t="s">
        <v>432</v>
      </c>
      <c r="L31" s="6"/>
      <c r="M31" t="s">
        <v>45</v>
      </c>
      <c r="N31" s="3"/>
      <c r="O31" s="25" t="s">
        <v>432</v>
      </c>
      <c r="P31" s="6"/>
      <c r="Q31" t="s">
        <v>45</v>
      </c>
      <c r="R31" s="3"/>
      <c r="S31" s="25" t="s">
        <v>432</v>
      </c>
    </row>
    <row r="32" spans="1:20" x14ac:dyDescent="0.2">
      <c r="A32" t="s">
        <v>50</v>
      </c>
      <c r="C32" s="21" t="s">
        <v>467</v>
      </c>
      <c r="D32" s="22" t="s">
        <v>468</v>
      </c>
      <c r="E32" t="s">
        <v>50</v>
      </c>
      <c r="F32" s="3"/>
      <c r="G32" s="25" t="s">
        <v>432</v>
      </c>
      <c r="H32" s="3"/>
      <c r="I32" t="s">
        <v>50</v>
      </c>
      <c r="J32" s="3"/>
      <c r="K32" s="25" t="s">
        <v>432</v>
      </c>
      <c r="L32" s="3"/>
      <c r="M32" t="s">
        <v>50</v>
      </c>
      <c r="N32" s="3"/>
      <c r="O32" s="25" t="s">
        <v>432</v>
      </c>
      <c r="Q32" t="s">
        <v>50</v>
      </c>
      <c r="R32" s="3"/>
      <c r="S32" s="25" t="s">
        <v>432</v>
      </c>
    </row>
    <row r="33" spans="1:19" x14ac:dyDescent="0.2">
      <c r="A33" t="s">
        <v>6</v>
      </c>
      <c r="C33" s="26" t="s">
        <v>469</v>
      </c>
      <c r="D33" t="s">
        <v>431</v>
      </c>
      <c r="E33" t="s">
        <v>6</v>
      </c>
      <c r="F33" s="3"/>
      <c r="G33" s="25" t="s">
        <v>432</v>
      </c>
      <c r="H33" s="3"/>
      <c r="I33" t="s">
        <v>6</v>
      </c>
      <c r="J33" s="3"/>
      <c r="K33" s="25" t="s">
        <v>432</v>
      </c>
      <c r="L33" s="3"/>
      <c r="M33" t="s">
        <v>6</v>
      </c>
      <c r="N33" s="3"/>
      <c r="O33" s="25" t="s">
        <v>432</v>
      </c>
      <c r="Q33" t="s">
        <v>6</v>
      </c>
      <c r="R33" s="3"/>
      <c r="S33" s="25" t="s">
        <v>432</v>
      </c>
    </row>
    <row r="34" spans="1:19" x14ac:dyDescent="0.2">
      <c r="A34" t="s">
        <v>25</v>
      </c>
      <c r="C34" s="26" t="s">
        <v>470</v>
      </c>
      <c r="D34" s="22" t="s">
        <v>471</v>
      </c>
      <c r="E34" t="s">
        <v>25</v>
      </c>
      <c r="F34" s="3"/>
      <c r="G34" s="22" t="s">
        <v>472</v>
      </c>
      <c r="H34" s="22" t="s">
        <v>473</v>
      </c>
      <c r="I34" t="s">
        <v>25</v>
      </c>
      <c r="J34" s="3"/>
      <c r="K34" s="25" t="s">
        <v>432</v>
      </c>
      <c r="L34" s="3"/>
      <c r="M34" t="s">
        <v>25</v>
      </c>
      <c r="N34" s="3"/>
      <c r="O34" s="25" t="s">
        <v>432</v>
      </c>
      <c r="Q34" t="s">
        <v>25</v>
      </c>
      <c r="R34" s="3"/>
      <c r="S34" s="25" t="s">
        <v>432</v>
      </c>
    </row>
    <row r="35" spans="1:19" x14ac:dyDescent="0.2">
      <c r="A35" t="s">
        <v>22</v>
      </c>
      <c r="C35" s="21" t="s">
        <v>474</v>
      </c>
      <c r="D35" s="22" t="s">
        <v>312</v>
      </c>
      <c r="E35" t="s">
        <v>22</v>
      </c>
      <c r="F35" s="3"/>
      <c r="G35" s="25" t="s">
        <v>432</v>
      </c>
      <c r="H35" s="6"/>
      <c r="I35" t="s">
        <v>22</v>
      </c>
      <c r="J35" s="3"/>
      <c r="K35" s="25" t="s">
        <v>432</v>
      </c>
      <c r="L35" s="6"/>
      <c r="M35" t="s">
        <v>22</v>
      </c>
      <c r="N35" s="3"/>
      <c r="O35" s="25" t="s">
        <v>432</v>
      </c>
      <c r="P35" s="6"/>
      <c r="Q35" t="s">
        <v>22</v>
      </c>
      <c r="R35" s="3"/>
      <c r="S35" s="25" t="s">
        <v>432</v>
      </c>
    </row>
    <row r="37" spans="1:19" x14ac:dyDescent="0.2">
      <c r="A37" s="9" t="s">
        <v>16</v>
      </c>
      <c r="E37" t="s">
        <v>35</v>
      </c>
    </row>
    <row r="38" spans="1:19" x14ac:dyDescent="0.2">
      <c r="A38" t="s">
        <v>12</v>
      </c>
      <c r="B38" t="s">
        <v>13</v>
      </c>
      <c r="E38" t="s">
        <v>12</v>
      </c>
      <c r="F38" t="s">
        <v>13</v>
      </c>
    </row>
    <row r="39" spans="1:19" x14ac:dyDescent="0.2">
      <c r="A39" t="s">
        <v>7</v>
      </c>
      <c r="B39" s="3"/>
      <c r="C39" s="25" t="s">
        <v>432</v>
      </c>
      <c r="E39" t="s">
        <v>7</v>
      </c>
    </row>
    <row r="40" spans="1:19" x14ac:dyDescent="0.2">
      <c r="A40" t="s">
        <v>39</v>
      </c>
      <c r="B40" s="3"/>
      <c r="C40" s="25" t="s">
        <v>432</v>
      </c>
      <c r="E40" t="s">
        <v>39</v>
      </c>
      <c r="F40" s="3"/>
      <c r="G40" s="6"/>
    </row>
    <row r="41" spans="1:19" x14ac:dyDescent="0.2">
      <c r="A41" t="s">
        <v>18</v>
      </c>
      <c r="B41" s="3"/>
      <c r="C41" s="25" t="s">
        <v>432</v>
      </c>
      <c r="E41" t="s">
        <v>18</v>
      </c>
      <c r="F41" s="3"/>
      <c r="G41" s="6"/>
    </row>
    <row r="42" spans="1:19" x14ac:dyDescent="0.2">
      <c r="A42" t="s">
        <v>19</v>
      </c>
      <c r="B42" s="3"/>
      <c r="C42" s="25" t="s">
        <v>432</v>
      </c>
      <c r="E42" t="s">
        <v>19</v>
      </c>
      <c r="F42" s="3"/>
      <c r="G42" s="6"/>
    </row>
    <row r="43" spans="1:19" x14ac:dyDescent="0.2">
      <c r="A43" t="s">
        <v>14</v>
      </c>
      <c r="B43" s="3"/>
      <c r="C43" s="22" t="s">
        <v>432</v>
      </c>
      <c r="E43" t="s">
        <v>14</v>
      </c>
      <c r="F43" s="3"/>
      <c r="G43" s="6"/>
    </row>
    <row r="44" spans="1:19" x14ac:dyDescent="0.2">
      <c r="A44" t="s">
        <v>5</v>
      </c>
      <c r="B44" s="3"/>
      <c r="C44" s="25" t="s">
        <v>432</v>
      </c>
      <c r="E44" t="s">
        <v>5</v>
      </c>
      <c r="F44" s="3"/>
      <c r="G44" s="6"/>
    </row>
    <row r="45" spans="1:19" x14ac:dyDescent="0.2">
      <c r="A45" t="s">
        <v>11</v>
      </c>
      <c r="B45" s="3"/>
      <c r="C45" s="25" t="s">
        <v>432</v>
      </c>
      <c r="E45" t="s">
        <v>11</v>
      </c>
      <c r="F45" s="3"/>
      <c r="G45" s="6"/>
    </row>
    <row r="46" spans="1:19" x14ac:dyDescent="0.2">
      <c r="A46" t="s">
        <v>51</v>
      </c>
      <c r="B46" s="3"/>
      <c r="C46" s="25" t="s">
        <v>432</v>
      </c>
      <c r="E46" t="s">
        <v>51</v>
      </c>
      <c r="F46" s="3"/>
      <c r="G46" s="6"/>
    </row>
    <row r="47" spans="1:19" x14ac:dyDescent="0.2">
      <c r="A47" t="s">
        <v>41</v>
      </c>
      <c r="B47" s="3"/>
      <c r="C47" s="25" t="s">
        <v>432</v>
      </c>
      <c r="D47" s="6"/>
      <c r="E47" t="s">
        <v>41</v>
      </c>
      <c r="F47" s="3"/>
      <c r="G47" s="6"/>
      <c r="H47" s="6"/>
    </row>
    <row r="48" spans="1:19" x14ac:dyDescent="0.2">
      <c r="A48" t="s">
        <v>42</v>
      </c>
      <c r="B48" s="3"/>
      <c r="C48" s="25" t="s">
        <v>432</v>
      </c>
      <c r="E48" t="s">
        <v>42</v>
      </c>
      <c r="F48" s="3"/>
      <c r="G48" s="6"/>
    </row>
    <row r="49" spans="1:8" x14ac:dyDescent="0.2">
      <c r="A49" t="s">
        <v>52</v>
      </c>
      <c r="B49" s="3"/>
      <c r="C49" s="25" t="s">
        <v>432</v>
      </c>
      <c r="E49" t="s">
        <v>52</v>
      </c>
      <c r="F49" s="3"/>
      <c r="G49" s="6"/>
    </row>
    <row r="50" spans="1:8" x14ac:dyDescent="0.2">
      <c r="A50" t="s">
        <v>15</v>
      </c>
      <c r="B50" s="3"/>
      <c r="C50" s="25" t="s">
        <v>432</v>
      </c>
      <c r="E50" t="s">
        <v>15</v>
      </c>
      <c r="F50" s="3"/>
      <c r="G50" s="6"/>
    </row>
    <row r="51" spans="1:8" x14ac:dyDescent="0.2">
      <c r="A51" s="18" t="s">
        <v>53</v>
      </c>
      <c r="B51" s="3"/>
      <c r="C51" s="25" t="s">
        <v>432</v>
      </c>
      <c r="E51" s="18" t="s">
        <v>53</v>
      </c>
      <c r="F51" s="3"/>
      <c r="G51" s="6"/>
    </row>
    <row r="52" spans="1:8" x14ac:dyDescent="0.2">
      <c r="A52" t="s">
        <v>17</v>
      </c>
      <c r="B52" s="3"/>
      <c r="C52" s="25" t="s">
        <v>432</v>
      </c>
      <c r="E52" t="s">
        <v>17</v>
      </c>
      <c r="F52" s="3"/>
      <c r="G52" s="6"/>
    </row>
    <row r="53" spans="1:8" x14ac:dyDescent="0.2">
      <c r="A53" t="s">
        <v>20</v>
      </c>
      <c r="B53" s="3"/>
      <c r="C53" s="25" t="s">
        <v>432</v>
      </c>
      <c r="E53" t="s">
        <v>20</v>
      </c>
      <c r="F53" s="3"/>
      <c r="G53" s="6"/>
    </row>
    <row r="54" spans="1:8" x14ac:dyDescent="0.2">
      <c r="A54" t="s">
        <v>24</v>
      </c>
      <c r="B54" s="3"/>
      <c r="C54" s="25" t="s">
        <v>432</v>
      </c>
      <c r="E54" t="s">
        <v>24</v>
      </c>
      <c r="F54" s="3"/>
      <c r="G54" s="6"/>
    </row>
    <row r="55" spans="1:8" x14ac:dyDescent="0.2">
      <c r="A55" t="s">
        <v>21</v>
      </c>
      <c r="B55" s="3"/>
      <c r="C55" s="25" t="s">
        <v>432</v>
      </c>
      <c r="D55" s="6"/>
      <c r="E55" t="s">
        <v>21</v>
      </c>
      <c r="F55" s="3"/>
      <c r="G55" s="6"/>
      <c r="H55" s="6"/>
    </row>
    <row r="56" spans="1:8" x14ac:dyDescent="0.2">
      <c r="A56" t="s">
        <v>9</v>
      </c>
      <c r="B56" s="3"/>
      <c r="C56" s="25" t="s">
        <v>432</v>
      </c>
      <c r="E56" t="s">
        <v>9</v>
      </c>
      <c r="F56" s="3"/>
      <c r="G56" s="6"/>
    </row>
    <row r="57" spans="1:8" x14ac:dyDescent="0.2">
      <c r="A57" t="s">
        <v>4</v>
      </c>
      <c r="B57" s="3"/>
      <c r="C57" s="25" t="s">
        <v>432</v>
      </c>
      <c r="E57" t="s">
        <v>4</v>
      </c>
      <c r="F57" s="3"/>
      <c r="G57" s="6"/>
    </row>
    <row r="58" spans="1:8" x14ac:dyDescent="0.2">
      <c r="A58" t="s">
        <v>10</v>
      </c>
      <c r="B58" s="3"/>
      <c r="C58" s="25" t="s">
        <v>432</v>
      </c>
      <c r="E58" t="s">
        <v>10</v>
      </c>
      <c r="F58" s="3"/>
      <c r="G58" s="6"/>
    </row>
    <row r="59" spans="1:8" x14ac:dyDescent="0.2">
      <c r="A59" t="s">
        <v>36</v>
      </c>
      <c r="B59" s="3"/>
      <c r="C59" s="25" t="s">
        <v>432</v>
      </c>
      <c r="E59" t="s">
        <v>36</v>
      </c>
      <c r="F59" s="3"/>
      <c r="G59" s="6"/>
    </row>
    <row r="60" spans="1:8" x14ac:dyDescent="0.2">
      <c r="A60" t="s">
        <v>8</v>
      </c>
      <c r="B60" s="3"/>
      <c r="C60" s="25" t="s">
        <v>432</v>
      </c>
      <c r="E60" t="s">
        <v>8</v>
      </c>
      <c r="F60" s="3"/>
      <c r="G60" s="6"/>
    </row>
    <row r="61" spans="1:8" x14ac:dyDescent="0.2">
      <c r="A61" t="s">
        <v>23</v>
      </c>
      <c r="B61" s="3"/>
      <c r="C61" s="25" t="s">
        <v>432</v>
      </c>
      <c r="E61" t="s">
        <v>23</v>
      </c>
      <c r="F61" s="3"/>
    </row>
    <row r="62" spans="1:8" x14ac:dyDescent="0.2">
      <c r="A62" t="s">
        <v>45</v>
      </c>
      <c r="B62" s="3"/>
      <c r="C62" s="25" t="s">
        <v>432</v>
      </c>
      <c r="E62" t="s">
        <v>45</v>
      </c>
      <c r="F62" s="3"/>
      <c r="G62" s="6"/>
    </row>
    <row r="63" spans="1:8" x14ac:dyDescent="0.2">
      <c r="A63" t="s">
        <v>50</v>
      </c>
      <c r="B63" s="3"/>
      <c r="C63" s="25" t="s">
        <v>432</v>
      </c>
      <c r="E63" t="s">
        <v>50</v>
      </c>
      <c r="F63" s="3"/>
      <c r="G63" s="6"/>
    </row>
    <row r="64" spans="1:8" x14ac:dyDescent="0.2">
      <c r="A64" t="s">
        <v>6</v>
      </c>
      <c r="B64" s="3"/>
      <c r="C64" s="25" t="s">
        <v>432</v>
      </c>
      <c r="E64" t="s">
        <v>6</v>
      </c>
      <c r="F64" s="3"/>
      <c r="G64" s="6"/>
    </row>
    <row r="65" spans="1:7" x14ac:dyDescent="0.2">
      <c r="A65" t="s">
        <v>25</v>
      </c>
      <c r="B65" s="3"/>
      <c r="C65" s="25" t="s">
        <v>432</v>
      </c>
      <c r="E65" t="s">
        <v>25</v>
      </c>
      <c r="F65" s="3"/>
      <c r="G65" s="6"/>
    </row>
    <row r="66" spans="1:7" x14ac:dyDescent="0.2">
      <c r="A66" t="s">
        <v>22</v>
      </c>
      <c r="B66" s="3"/>
      <c r="C66" s="25" t="s">
        <v>432</v>
      </c>
      <c r="E66" t="s">
        <v>22</v>
      </c>
      <c r="F66" s="3"/>
      <c r="G66" s="6"/>
    </row>
    <row r="67" spans="1:7" x14ac:dyDescent="0.2">
      <c r="A67" t="s">
        <v>22</v>
      </c>
      <c r="C67" s="25" t="s">
        <v>432</v>
      </c>
      <c r="E67" t="s">
        <v>22</v>
      </c>
      <c r="F67" s="3"/>
      <c r="G67" s="6"/>
    </row>
  </sheetData>
  <conditionalFormatting sqref="C18">
    <cfRule type="duplicateValues" dxfId="61" priority="61"/>
  </conditionalFormatting>
  <conditionalFormatting sqref="C19">
    <cfRule type="duplicateValues" dxfId="60" priority="59"/>
    <cfRule type="duplicateValues" dxfId="59" priority="58"/>
  </conditionalFormatting>
  <conditionalFormatting sqref="C20">
    <cfRule type="duplicateValues" dxfId="58" priority="57"/>
  </conditionalFormatting>
  <conditionalFormatting sqref="C21">
    <cfRule type="duplicateValues" dxfId="57" priority="56"/>
  </conditionalFormatting>
  <conditionalFormatting sqref="C24">
    <cfRule type="duplicateValues" dxfId="56" priority="54"/>
    <cfRule type="duplicateValues" dxfId="55" priority="55"/>
  </conditionalFormatting>
  <conditionalFormatting sqref="C25">
    <cfRule type="duplicateValues" dxfId="54" priority="52"/>
    <cfRule type="duplicateValues" dxfId="53" priority="51"/>
  </conditionalFormatting>
  <conditionalFormatting sqref="C26">
    <cfRule type="duplicateValues" dxfId="52" priority="50"/>
  </conditionalFormatting>
  <conditionalFormatting sqref="C27">
    <cfRule type="duplicateValues" dxfId="51" priority="48"/>
    <cfRule type="duplicateValues" dxfId="50" priority="47"/>
  </conditionalFormatting>
  <conditionalFormatting sqref="C28">
    <cfRule type="duplicateValues" dxfId="49" priority="46"/>
  </conditionalFormatting>
  <conditionalFormatting sqref="C29">
    <cfRule type="duplicateValues" dxfId="48" priority="44"/>
  </conditionalFormatting>
  <conditionalFormatting sqref="C31">
    <cfRule type="duplicateValues" dxfId="47" priority="38"/>
  </conditionalFormatting>
  <conditionalFormatting sqref="C33">
    <cfRule type="duplicateValues" dxfId="46" priority="35"/>
  </conditionalFormatting>
  <conditionalFormatting sqref="C34">
    <cfRule type="duplicateValues" dxfId="45" priority="34"/>
  </conditionalFormatting>
  <conditionalFormatting sqref="C35">
    <cfRule type="duplicateValues" dxfId="44" priority="30"/>
  </conditionalFormatting>
  <conditionalFormatting sqref="C43">
    <cfRule type="duplicateValues" dxfId="43" priority="21"/>
  </conditionalFormatting>
  <conditionalFormatting sqref="D16">
    <cfRule type="duplicateValues" dxfId="42" priority="62"/>
  </conditionalFormatting>
  <conditionalFormatting sqref="D18">
    <cfRule type="duplicateValues" dxfId="41" priority="60"/>
  </conditionalFormatting>
  <conditionalFormatting sqref="D24:D25">
    <cfRule type="duplicateValues" dxfId="40" priority="53"/>
  </conditionalFormatting>
  <conditionalFormatting sqref="D26:D27">
    <cfRule type="duplicateValues" dxfId="39" priority="49"/>
  </conditionalFormatting>
  <conditionalFormatting sqref="D28">
    <cfRule type="duplicateValues" dxfId="38" priority="45"/>
  </conditionalFormatting>
  <conditionalFormatting sqref="D29">
    <cfRule type="duplicateValues" dxfId="37" priority="43"/>
  </conditionalFormatting>
  <conditionalFormatting sqref="D31">
    <cfRule type="duplicateValues" dxfId="36" priority="37"/>
  </conditionalFormatting>
  <conditionalFormatting sqref="D32">
    <cfRule type="duplicateValues" dxfId="35" priority="36"/>
  </conditionalFormatting>
  <conditionalFormatting sqref="D34">
    <cfRule type="duplicateValues" dxfId="34" priority="33"/>
  </conditionalFormatting>
  <conditionalFormatting sqref="D35">
    <cfRule type="duplicateValues" dxfId="33" priority="29"/>
  </conditionalFormatting>
  <conditionalFormatting sqref="G9">
    <cfRule type="duplicateValues" dxfId="32" priority="28"/>
  </conditionalFormatting>
  <conditionalFormatting sqref="G13">
    <cfRule type="duplicateValues" dxfId="31" priority="19"/>
    <cfRule type="duplicateValues" dxfId="30" priority="20"/>
  </conditionalFormatting>
  <conditionalFormatting sqref="G14">
    <cfRule type="duplicateValues" dxfId="29" priority="16"/>
  </conditionalFormatting>
  <conditionalFormatting sqref="G16">
    <cfRule type="duplicateValues" dxfId="28" priority="4"/>
  </conditionalFormatting>
  <conditionalFormatting sqref="G20">
    <cfRule type="duplicateValues" dxfId="27" priority="12"/>
  </conditionalFormatting>
  <conditionalFormatting sqref="G21">
    <cfRule type="duplicateValues" dxfId="26" priority="10"/>
  </conditionalFormatting>
  <conditionalFormatting sqref="G28">
    <cfRule type="duplicateValues" dxfId="25" priority="3"/>
  </conditionalFormatting>
  <conditionalFormatting sqref="G34">
    <cfRule type="duplicateValues" dxfId="24" priority="32"/>
  </conditionalFormatting>
  <conditionalFormatting sqref="G12:H12">
    <cfRule type="duplicateValues" dxfId="23" priority="25"/>
    <cfRule type="duplicateValues" dxfId="22" priority="24"/>
  </conditionalFormatting>
  <conditionalFormatting sqref="H9">
    <cfRule type="duplicateValues" dxfId="21" priority="27"/>
  </conditionalFormatting>
  <conditionalFormatting sqref="H25">
    <cfRule type="duplicateValues" dxfId="20" priority="6"/>
  </conditionalFormatting>
  <conditionalFormatting sqref="H29">
    <cfRule type="duplicateValues" dxfId="19" priority="41" stopIfTrue="1"/>
    <cfRule type="duplicateValues" dxfId="18" priority="42" stopIfTrue="1"/>
    <cfRule type="duplicateValues" dxfId="17" priority="40" stopIfTrue="1"/>
    <cfRule type="duplicateValues" dxfId="16" priority="39"/>
  </conditionalFormatting>
  <conditionalFormatting sqref="H34">
    <cfRule type="duplicateValues" dxfId="15" priority="31"/>
  </conditionalFormatting>
  <conditionalFormatting sqref="K9">
    <cfRule type="duplicateValues" dxfId="14" priority="26"/>
  </conditionalFormatting>
  <conditionalFormatting sqref="K14">
    <cfRule type="duplicateValues" dxfId="13" priority="15"/>
    <cfRule type="duplicateValues" dxfId="12" priority="14"/>
  </conditionalFormatting>
  <conditionalFormatting sqref="K20">
    <cfRule type="duplicateValues" dxfId="11" priority="11"/>
  </conditionalFormatting>
  <conditionalFormatting sqref="K25">
    <cfRule type="duplicateValues" dxfId="10" priority="5"/>
  </conditionalFormatting>
  <conditionalFormatting sqref="K13:L13">
    <cfRule type="duplicateValues" dxfId="9" priority="18"/>
    <cfRule type="duplicateValues" dxfId="8" priority="17"/>
  </conditionalFormatting>
  <conditionalFormatting sqref="L25">
    <cfRule type="duplicateValues" dxfId="7" priority="9" stopIfTrue="1"/>
    <cfRule type="duplicateValues" dxfId="6" priority="8" stopIfTrue="1"/>
    <cfRule type="duplicateValues" dxfId="5" priority="7" stopIfTrue="1"/>
  </conditionalFormatting>
  <conditionalFormatting sqref="O14">
    <cfRule type="duplicateValues" dxfId="4" priority="13"/>
  </conditionalFormatting>
  <conditionalFormatting sqref="O12:P12">
    <cfRule type="duplicateValues" dxfId="3" priority="23"/>
  </conditionalFormatting>
  <conditionalFormatting sqref="S12:T12">
    <cfRule type="duplicateValues" dxfId="2" priority="22"/>
  </conditionalFormatting>
  <conditionalFormatting sqref="G31">
    <cfRule type="duplicateValues" dxfId="1" priority="2"/>
  </conditionalFormatting>
  <conditionalFormatting sqref="H31">
    <cfRule type="duplicateValues" dxfId="0" priority="1"/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2023 Rookie Free-Agent Draft</vt:lpstr>
      <vt:lpstr>2023 Supplemental Draf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d</dc:creator>
  <cp:lastModifiedBy>Dennis Crowley</cp:lastModifiedBy>
  <dcterms:created xsi:type="dcterms:W3CDTF">2004-01-12T03:50:34Z</dcterms:created>
  <dcterms:modified xsi:type="dcterms:W3CDTF">2024-10-19T19:09:49Z</dcterms:modified>
</cp:coreProperties>
</file>